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4024818\Desktop\平成30年度予算編成にかかる予算事業一覧（12月12日要求段階）の公表について\食肉会計\"/>
    </mc:Choice>
  </mc:AlternateContent>
  <bookViews>
    <workbookView xWindow="0" yWindow="0" windowWidth="20490" windowHeight="7770"/>
  </bookViews>
  <sheets>
    <sheet name="様式5" sheetId="1" r:id="rId1"/>
  </sheets>
  <definedNames>
    <definedName name="_xlnm.Print_Area" localSheetId="0">様式5!$A$1:$H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46" i="1" l="1"/>
  <c r="C46" i="1"/>
  <c r="C47" i="1"/>
  <c r="D47" i="1"/>
  <c r="D46" i="1"/>
  <c r="H47" i="1" l="1"/>
  <c r="F47" i="1"/>
  <c r="H46" i="1"/>
  <c r="G46" i="1" s="1"/>
  <c r="F45" i="1"/>
  <c r="F44" i="1"/>
  <c r="F43" i="1"/>
  <c r="F42" i="1"/>
  <c r="F41" i="1"/>
  <c r="F40" i="1"/>
  <c r="F39" i="1"/>
  <c r="F38" i="1"/>
  <c r="F37" i="1"/>
  <c r="F36" i="1"/>
  <c r="F35" i="1"/>
  <c r="F34" i="1"/>
  <c r="F33" i="1"/>
  <c r="F32" i="1"/>
  <c r="F31" i="1"/>
  <c r="F30" i="1"/>
  <c r="F29" i="1"/>
  <c r="F28" i="1"/>
  <c r="F27" i="1"/>
  <c r="F26" i="1"/>
  <c r="F25" i="1"/>
  <c r="F24" i="1"/>
  <c r="F23" i="1"/>
  <c r="F22" i="1"/>
  <c r="F21" i="1"/>
  <c r="F20" i="1"/>
  <c r="F19" i="1"/>
  <c r="F18" i="1"/>
  <c r="F17" i="1"/>
  <c r="F16" i="1"/>
  <c r="F15" i="1"/>
  <c r="F14" i="1"/>
  <c r="F13" i="1"/>
  <c r="F12" i="1"/>
  <c r="F11" i="1"/>
  <c r="F10" i="1"/>
  <c r="F9" i="1"/>
  <c r="F8" i="1"/>
</calcChain>
</file>

<file path=xl/sharedStrings.xml><?xml version="1.0" encoding="utf-8"?>
<sst xmlns="http://schemas.openxmlformats.org/spreadsheetml/2006/main" count="45" uniqueCount="31">
  <si>
    <t>予算事業一覧</t>
    <rPh sb="4" eb="6">
      <t>イチラン</t>
    </rPh>
    <phoneticPr fontId="4"/>
  </si>
  <si>
    <t>（様式5）</t>
    <rPh sb="1" eb="3">
      <t>ヨウシキ</t>
    </rPh>
    <phoneticPr fontId="6"/>
  </si>
  <si>
    <t>会計名　 食肉市場事業会計　　　　　　　　</t>
    <rPh sb="0" eb="2">
      <t>カイケイ</t>
    </rPh>
    <rPh sb="2" eb="3">
      <t>メイ</t>
    </rPh>
    <rPh sb="5" eb="7">
      <t>ショクニク</t>
    </rPh>
    <rPh sb="7" eb="9">
      <t>シジョウ</t>
    </rPh>
    <rPh sb="9" eb="11">
      <t>ジギョウ</t>
    </rPh>
    <rPh sb="11" eb="13">
      <t>カイケイ</t>
    </rPh>
    <phoneticPr fontId="4"/>
  </si>
  <si>
    <t>所属名　 中央卸売市場南港市場　</t>
    <rPh sb="0" eb="2">
      <t>ショゾク</t>
    </rPh>
    <rPh sb="2" eb="3">
      <t>メイ</t>
    </rPh>
    <rPh sb="5" eb="7">
      <t>チュウオウ</t>
    </rPh>
    <rPh sb="7" eb="9">
      <t>オロシウリ</t>
    </rPh>
    <rPh sb="9" eb="11">
      <t>シジョウ</t>
    </rPh>
    <rPh sb="11" eb="13">
      <t>ナンコウ</t>
    </rPh>
    <rPh sb="13" eb="15">
      <t>シジョウ</t>
    </rPh>
    <phoneticPr fontId="4"/>
  </si>
  <si>
    <t>上段：歳  　出 　 額
(下段：一般会計繰入金)</t>
    <phoneticPr fontId="3"/>
  </si>
  <si>
    <t>(単位：千円)</t>
    <phoneticPr fontId="4"/>
  </si>
  <si>
    <t>事  業  名</t>
    <phoneticPr fontId="4"/>
  </si>
  <si>
    <t>担当課</t>
    <rPh sb="0" eb="2">
      <t>タントウ</t>
    </rPh>
    <rPh sb="2" eb="3">
      <t>カ</t>
    </rPh>
    <phoneticPr fontId="4"/>
  </si>
  <si>
    <t xml:space="preserve"> 29 年 度</t>
    <phoneticPr fontId="4"/>
  </si>
  <si>
    <t>30 年 度</t>
    <rPh sb="3" eb="4">
      <t>ネン</t>
    </rPh>
    <rPh sb="5" eb="6">
      <t>ド</t>
    </rPh>
    <phoneticPr fontId="6"/>
  </si>
  <si>
    <t>増減</t>
    <rPh sb="0" eb="2">
      <t>ゾウゲン</t>
    </rPh>
    <phoneticPr fontId="4"/>
  </si>
  <si>
    <t>備  考</t>
    <phoneticPr fontId="4"/>
  </si>
  <si>
    <t>当初①</t>
    <phoneticPr fontId="4"/>
  </si>
  <si>
    <t>算定②</t>
    <rPh sb="0" eb="2">
      <t>サンテイ</t>
    </rPh>
    <phoneticPr fontId="4"/>
  </si>
  <si>
    <t>調整③</t>
    <rPh sb="0" eb="2">
      <t>チョウセイ</t>
    </rPh>
    <phoneticPr fontId="4"/>
  </si>
  <si>
    <t>（②-①）</t>
    <phoneticPr fontId="4"/>
  </si>
  <si>
    <t>運営費</t>
    <rPh sb="0" eb="3">
      <t>ウンエイヒ</t>
    </rPh>
    <phoneticPr fontId="6"/>
  </si>
  <si>
    <t>南港市場</t>
    <rPh sb="0" eb="2">
      <t>ナンコウ</t>
    </rPh>
    <rPh sb="2" eb="4">
      <t>シジョウ</t>
    </rPh>
    <phoneticPr fontId="6"/>
  </si>
  <si>
    <t>　　</t>
  </si>
  <si>
    <t>出</t>
    <rPh sb="0" eb="1">
      <t>デ</t>
    </rPh>
    <phoneticPr fontId="4"/>
  </si>
  <si>
    <t>区CM出</t>
    <rPh sb="0" eb="1">
      <t>ク</t>
    </rPh>
    <rPh sb="3" eb="4">
      <t>デ</t>
    </rPh>
    <phoneticPr fontId="6"/>
  </si>
  <si>
    <t>税</t>
    <rPh sb="0" eb="1">
      <t>ゼイ</t>
    </rPh>
    <phoneticPr fontId="4"/>
  </si>
  <si>
    <t>区CM税</t>
    <rPh sb="0" eb="1">
      <t>ク</t>
    </rPh>
    <rPh sb="3" eb="4">
      <t>ゼイ</t>
    </rPh>
    <phoneticPr fontId="6"/>
  </si>
  <si>
    <t>施設整備費</t>
    <rPh sb="0" eb="2">
      <t>シセツ</t>
    </rPh>
    <rPh sb="2" eb="5">
      <t>セイビヒ</t>
    </rPh>
    <phoneticPr fontId="6"/>
  </si>
  <si>
    <t>市場整備事業にかかる基本設計費</t>
    <rPh sb="0" eb="2">
      <t>シジョウ</t>
    </rPh>
    <rPh sb="2" eb="4">
      <t>セイビ</t>
    </rPh>
    <rPh sb="4" eb="6">
      <t>ジギョウ</t>
    </rPh>
    <rPh sb="10" eb="12">
      <t>キホン</t>
    </rPh>
    <rPh sb="12" eb="14">
      <t>セッケイ</t>
    </rPh>
    <rPh sb="14" eb="15">
      <t>ヒ</t>
    </rPh>
    <phoneticPr fontId="4"/>
  </si>
  <si>
    <t>南港市場</t>
    <rPh sb="0" eb="2">
      <t>ナンコウ</t>
    </rPh>
    <rPh sb="2" eb="4">
      <t>シジョウ</t>
    </rPh>
    <phoneticPr fontId="4"/>
  </si>
  <si>
    <t>一部緑地更地化工事費</t>
    <rPh sb="0" eb="2">
      <t>イチブ</t>
    </rPh>
    <rPh sb="2" eb="4">
      <t>リョクチ</t>
    </rPh>
    <rPh sb="4" eb="6">
      <t>サラチ</t>
    </rPh>
    <rPh sb="6" eb="7">
      <t>カ</t>
    </rPh>
    <rPh sb="7" eb="9">
      <t>コウジ</t>
    </rPh>
    <rPh sb="9" eb="10">
      <t>ヒ</t>
    </rPh>
    <phoneticPr fontId="4"/>
  </si>
  <si>
    <t>食肉市場整備事業費元利償還金</t>
    <rPh sb="0" eb="2">
      <t>ショクニク</t>
    </rPh>
    <rPh sb="2" eb="4">
      <t>シジョウ</t>
    </rPh>
    <rPh sb="4" eb="6">
      <t>セイビ</t>
    </rPh>
    <rPh sb="6" eb="8">
      <t>ジギョウ</t>
    </rPh>
    <rPh sb="8" eb="9">
      <t>ヒ</t>
    </rPh>
    <rPh sb="9" eb="11">
      <t>ガンリ</t>
    </rPh>
    <rPh sb="11" eb="14">
      <t>ショウカンキン</t>
    </rPh>
    <phoneticPr fontId="6"/>
  </si>
  <si>
    <t>予備費</t>
    <rPh sb="0" eb="3">
      <t>ヨビヒ</t>
    </rPh>
    <phoneticPr fontId="6"/>
  </si>
  <si>
    <t>所属計</t>
  </si>
  <si>
    <t>一般会計繰出金</t>
    <rPh sb="0" eb="2">
      <t>イッパン</t>
    </rPh>
    <rPh sb="2" eb="4">
      <t>カイケイ</t>
    </rPh>
    <rPh sb="4" eb="5">
      <t>クリ</t>
    </rPh>
    <rPh sb="5" eb="7">
      <t>シュッキン</t>
    </rPh>
    <rPh sb="6" eb="7">
      <t>キン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;&quot;△ &quot;#,##0"/>
    <numFmt numFmtId="177" formatCode="\(#,##0\)"/>
    <numFmt numFmtId="178" formatCode="\(#,##0\);\(&quot;△ &quot;#,##0\)"/>
  </numFmts>
  <fonts count="12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12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明朝体"/>
      <family val="3"/>
      <charset val="128"/>
    </font>
    <font>
      <sz val="10.5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</borders>
  <cellStyleXfs count="4">
    <xf numFmtId="0" fontId="0" fillId="0" borderId="0"/>
    <xf numFmtId="38" fontId="10" fillId="0" borderId="0" applyFont="0" applyFill="0" applyBorder="0" applyAlignment="0" applyProtection="0"/>
    <xf numFmtId="0" fontId="1" fillId="0" borderId="0"/>
    <xf numFmtId="0" fontId="11" fillId="0" borderId="0" applyNumberFormat="0" applyFill="0" applyBorder="0" applyAlignment="0" applyProtection="0"/>
  </cellStyleXfs>
  <cellXfs count="65">
    <xf numFmtId="0" fontId="0" fillId="0" borderId="0" xfId="0"/>
    <xf numFmtId="0" fontId="2" fillId="0" borderId="0" xfId="2" applyNumberFormat="1" applyFont="1" applyFill="1" applyAlignment="1">
      <alignment vertical="center"/>
    </xf>
    <xf numFmtId="0" fontId="5" fillId="0" borderId="0" xfId="2" applyNumberFormat="1" applyFont="1" applyFill="1" applyAlignment="1">
      <alignment vertical="center"/>
    </xf>
    <xf numFmtId="0" fontId="5" fillId="0" borderId="0" xfId="2" applyNumberFormat="1" applyFont="1" applyFill="1" applyAlignment="1">
      <alignment horizontal="center" vertical="center"/>
    </xf>
    <xf numFmtId="0" fontId="5" fillId="0" borderId="0" xfId="2" applyFont="1" applyFill="1" applyAlignment="1">
      <alignment vertical="center"/>
    </xf>
    <xf numFmtId="0" fontId="7" fillId="0" borderId="0" xfId="2" applyNumberFormat="1" applyFont="1" applyFill="1" applyAlignment="1">
      <alignment horizontal="left" vertical="center"/>
    </xf>
    <xf numFmtId="0" fontId="5" fillId="0" borderId="0" xfId="2" applyNumberFormat="1" applyFont="1" applyFill="1" applyAlignment="1">
      <alignment horizontal="right" vertical="center"/>
    </xf>
    <xf numFmtId="0" fontId="8" fillId="0" borderId="0" xfId="2" applyNumberFormat="1" applyFont="1" applyFill="1" applyAlignment="1">
      <alignment horizontal="right" vertical="center"/>
    </xf>
    <xf numFmtId="0" fontId="5" fillId="0" borderId="2" xfId="2" applyNumberFormat="1" applyFont="1" applyFill="1" applyBorder="1" applyAlignment="1">
      <alignment horizontal="center" vertical="center"/>
    </xf>
    <xf numFmtId="0" fontId="5" fillId="0" borderId="3" xfId="2" applyNumberFormat="1" applyFont="1" applyFill="1" applyBorder="1" applyAlignment="1">
      <alignment horizontal="center" vertical="center"/>
    </xf>
    <xf numFmtId="0" fontId="5" fillId="0" borderId="6" xfId="2" applyNumberFormat="1" applyFont="1" applyFill="1" applyBorder="1" applyAlignment="1">
      <alignment horizontal="center" vertical="center" shrinkToFit="1"/>
    </xf>
    <xf numFmtId="0" fontId="5" fillId="0" borderId="6" xfId="2" applyNumberFormat="1" applyFont="1" applyFill="1" applyBorder="1" applyAlignment="1">
      <alignment horizontal="center" vertical="center"/>
    </xf>
    <xf numFmtId="176" fontId="5" fillId="0" borderId="10" xfId="2" applyNumberFormat="1" applyFont="1" applyFill="1" applyBorder="1" applyAlignment="1">
      <alignment vertical="center" shrinkToFit="1"/>
    </xf>
    <xf numFmtId="176" fontId="5" fillId="0" borderId="9" xfId="2" applyNumberFormat="1" applyFont="1" applyFill="1" applyBorder="1" applyAlignment="1">
      <alignment horizontal="right" vertical="center" shrinkToFit="1"/>
    </xf>
    <xf numFmtId="0" fontId="0" fillId="0" borderId="12" xfId="0" applyBorder="1" applyAlignment="1"/>
    <xf numFmtId="0" fontId="5" fillId="0" borderId="0" xfId="2" applyFont="1" applyFill="1" applyBorder="1" applyAlignment="1">
      <alignment vertical="center"/>
    </xf>
    <xf numFmtId="177" fontId="5" fillId="0" borderId="6" xfId="2" applyNumberFormat="1" applyFont="1" applyFill="1" applyBorder="1" applyAlignment="1">
      <alignment vertical="center" shrinkToFit="1"/>
    </xf>
    <xf numFmtId="178" fontId="5" fillId="0" borderId="6" xfId="2" applyNumberFormat="1" applyFont="1" applyFill="1" applyBorder="1" applyAlignment="1">
      <alignment vertical="center" shrinkToFit="1"/>
    </xf>
    <xf numFmtId="0" fontId="0" fillId="0" borderId="8" xfId="0" applyBorder="1" applyAlignment="1"/>
    <xf numFmtId="177" fontId="5" fillId="0" borderId="10" xfId="2" applyNumberFormat="1" applyFont="1" applyFill="1" applyBorder="1" applyAlignment="1">
      <alignment vertical="center" shrinkToFit="1"/>
    </xf>
    <xf numFmtId="176" fontId="5" fillId="0" borderId="9" xfId="2" applyNumberFormat="1" applyFont="1" applyFill="1" applyBorder="1" applyAlignment="1">
      <alignment vertical="center" shrinkToFit="1"/>
    </xf>
    <xf numFmtId="0" fontId="9" fillId="0" borderId="11" xfId="2" applyFont="1" applyFill="1" applyBorder="1" applyAlignment="1">
      <alignment horizontal="center" vertical="center"/>
    </xf>
    <xf numFmtId="178" fontId="5" fillId="0" borderId="12" xfId="2" applyNumberFormat="1" applyFont="1" applyFill="1" applyBorder="1" applyAlignment="1">
      <alignment vertical="center" shrinkToFit="1"/>
    </xf>
    <xf numFmtId="0" fontId="9" fillId="0" borderId="7" xfId="2" applyFont="1" applyFill="1" applyBorder="1" applyAlignment="1">
      <alignment horizontal="center" vertical="center"/>
    </xf>
    <xf numFmtId="178" fontId="5" fillId="0" borderId="8" xfId="2" applyNumberFormat="1" applyFont="1" applyFill="1" applyBorder="1" applyAlignment="1">
      <alignment vertical="center" shrinkToFit="1"/>
    </xf>
    <xf numFmtId="0" fontId="9" fillId="0" borderId="13" xfId="2" applyFont="1" applyFill="1" applyBorder="1" applyAlignment="1">
      <alignment horizontal="center" vertical="center"/>
    </xf>
    <xf numFmtId="178" fontId="5" fillId="0" borderId="14" xfId="2" applyNumberFormat="1" applyFont="1" applyFill="1" applyBorder="1" applyAlignment="1">
      <alignment vertical="center" shrinkToFit="1"/>
    </xf>
    <xf numFmtId="176" fontId="5" fillId="0" borderId="10" xfId="2" applyNumberFormat="1" applyFont="1" applyFill="1" applyBorder="1" applyAlignment="1">
      <alignment horizontal="right" vertical="center" shrinkToFit="1"/>
    </xf>
    <xf numFmtId="0" fontId="0" fillId="0" borderId="14" xfId="0" applyBorder="1" applyAlignment="1"/>
    <xf numFmtId="38" fontId="0" fillId="0" borderId="12" xfId="1" applyFont="1" applyBorder="1" applyAlignment="1"/>
    <xf numFmtId="177" fontId="5" fillId="0" borderId="17" xfId="2" applyNumberFormat="1" applyFont="1" applyFill="1" applyBorder="1" applyAlignment="1">
      <alignment vertical="center" shrinkToFit="1"/>
    </xf>
    <xf numFmtId="178" fontId="5" fillId="0" borderId="17" xfId="2" applyNumberFormat="1" applyFont="1" applyFill="1" applyBorder="1" applyAlignment="1">
      <alignment vertical="center" shrinkToFit="1"/>
    </xf>
    <xf numFmtId="178" fontId="5" fillId="0" borderId="19" xfId="2" applyNumberFormat="1" applyFont="1" applyFill="1" applyBorder="1" applyAlignment="1">
      <alignment vertical="center" shrinkToFit="1"/>
    </xf>
    <xf numFmtId="0" fontId="5" fillId="0" borderId="0" xfId="2" applyNumberFormat="1" applyFont="1" applyFill="1" applyBorder="1" applyAlignment="1">
      <alignment vertical="center"/>
    </xf>
    <xf numFmtId="0" fontId="5" fillId="0" borderId="0" xfId="2" applyNumberFormat="1" applyFont="1" applyFill="1" applyBorder="1" applyAlignment="1">
      <alignment horizontal="center" vertical="center"/>
    </xf>
    <xf numFmtId="0" fontId="5" fillId="0" borderId="0" xfId="2" applyNumberFormat="1" applyFont="1" applyFill="1" applyAlignment="1">
      <alignment horizontal="left" vertical="center"/>
    </xf>
    <xf numFmtId="0" fontId="9" fillId="0" borderId="22" xfId="2" applyNumberFormat="1" applyFont="1" applyFill="1" applyBorder="1" applyAlignment="1">
      <alignment horizontal="left" vertical="center" wrapText="1"/>
    </xf>
    <xf numFmtId="0" fontId="9" fillId="0" borderId="21" xfId="2" applyNumberFormat="1" applyFont="1" applyFill="1" applyBorder="1" applyAlignment="1">
      <alignment horizontal="left" vertical="center" wrapText="1"/>
    </xf>
    <xf numFmtId="176" fontId="9" fillId="0" borderId="9" xfId="2" applyNumberFormat="1" applyFont="1" applyFill="1" applyBorder="1" applyAlignment="1">
      <alignment horizontal="center" vertical="center" wrapText="1"/>
    </xf>
    <xf numFmtId="176" fontId="9" fillId="0" borderId="6" xfId="2" applyNumberFormat="1" applyFont="1" applyFill="1" applyBorder="1" applyAlignment="1">
      <alignment horizontal="center" vertical="center" wrapText="1"/>
    </xf>
    <xf numFmtId="0" fontId="5" fillId="0" borderId="11" xfId="2" applyFont="1" applyFill="1" applyBorder="1" applyAlignment="1">
      <alignment horizontal="center" vertical="center"/>
    </xf>
    <xf numFmtId="0" fontId="5" fillId="0" borderId="7" xfId="2" applyFont="1" applyFill="1" applyBorder="1" applyAlignment="1">
      <alignment horizontal="center" vertical="center"/>
    </xf>
    <xf numFmtId="0" fontId="9" fillId="0" borderId="24" xfId="2" applyNumberFormat="1" applyFont="1" applyFill="1" applyBorder="1" applyAlignment="1">
      <alignment horizontal="center" vertical="center"/>
    </xf>
    <xf numFmtId="0" fontId="9" fillId="0" borderId="15" xfId="2" applyNumberFormat="1" applyFont="1" applyFill="1" applyBorder="1" applyAlignment="1">
      <alignment horizontal="center" vertical="center"/>
    </xf>
    <xf numFmtId="0" fontId="9" fillId="0" borderId="25" xfId="2" applyNumberFormat="1" applyFont="1" applyFill="1" applyBorder="1" applyAlignment="1">
      <alignment horizontal="center" vertical="center"/>
    </xf>
    <xf numFmtId="0" fontId="9" fillId="0" borderId="16" xfId="2" applyNumberFormat="1" applyFont="1" applyFill="1" applyBorder="1" applyAlignment="1">
      <alignment horizontal="center" vertical="center"/>
    </xf>
    <xf numFmtId="0" fontId="5" fillId="0" borderId="18" xfId="2" applyFont="1" applyFill="1" applyBorder="1" applyAlignment="1">
      <alignment horizontal="center" vertical="center"/>
    </xf>
    <xf numFmtId="0" fontId="9" fillId="0" borderId="23" xfId="2" applyNumberFormat="1" applyFont="1" applyFill="1" applyBorder="1" applyAlignment="1">
      <alignment horizontal="left" vertical="center" wrapText="1"/>
    </xf>
    <xf numFmtId="176" fontId="9" fillId="0" borderId="10" xfId="2" applyNumberFormat="1" applyFont="1" applyFill="1" applyBorder="1" applyAlignment="1">
      <alignment horizontal="center" vertical="center" wrapText="1"/>
    </xf>
    <xf numFmtId="0" fontId="5" fillId="0" borderId="13" xfId="2" applyFont="1" applyFill="1" applyBorder="1" applyAlignment="1">
      <alignment horizontal="center" vertical="center"/>
    </xf>
    <xf numFmtId="0" fontId="9" fillId="0" borderId="22" xfId="2" applyNumberFormat="1" applyFont="1" applyFill="1" applyBorder="1" applyAlignment="1">
      <alignment horizontal="left" vertical="center" shrinkToFit="1"/>
    </xf>
    <xf numFmtId="0" fontId="9" fillId="0" borderId="21" xfId="2" applyNumberFormat="1" applyFont="1" applyFill="1" applyBorder="1" applyAlignment="1">
      <alignment horizontal="left" vertical="center" shrinkToFit="1"/>
    </xf>
    <xf numFmtId="0" fontId="5" fillId="0" borderId="0" xfId="2" applyFont="1" applyFill="1" applyAlignment="1">
      <alignment horizontal="right" vertical="center"/>
    </xf>
    <xf numFmtId="0" fontId="8" fillId="0" borderId="1" xfId="2" applyNumberFormat="1" applyFont="1" applyFill="1" applyBorder="1" applyAlignment="1">
      <alignment horizontal="right" vertical="center" wrapText="1"/>
    </xf>
    <xf numFmtId="0" fontId="9" fillId="0" borderId="20" xfId="2" applyNumberFormat="1" applyFont="1" applyFill="1" applyBorder="1" applyAlignment="1">
      <alignment horizontal="center" vertical="center"/>
    </xf>
    <xf numFmtId="0" fontId="9" fillId="0" borderId="21" xfId="2" applyNumberFormat="1" applyFont="1" applyFill="1" applyBorder="1" applyAlignment="1">
      <alignment horizontal="center" vertical="center"/>
    </xf>
    <xf numFmtId="0" fontId="5" fillId="0" borderId="2" xfId="2" applyNumberFormat="1" applyFont="1" applyFill="1" applyBorder="1" applyAlignment="1">
      <alignment horizontal="center" vertical="center" wrapText="1"/>
    </xf>
    <xf numFmtId="0" fontId="5" fillId="0" borderId="6" xfId="2" applyNumberFormat="1" applyFont="1" applyFill="1" applyBorder="1" applyAlignment="1">
      <alignment horizontal="center" vertical="center"/>
    </xf>
    <xf numFmtId="0" fontId="5" fillId="0" borderId="4" xfId="2" applyNumberFormat="1" applyFont="1" applyFill="1" applyBorder="1" applyAlignment="1">
      <alignment horizontal="center" vertical="center"/>
    </xf>
    <xf numFmtId="0" fontId="5" fillId="0" borderId="5" xfId="2" applyNumberFormat="1" applyFont="1" applyFill="1" applyBorder="1" applyAlignment="1">
      <alignment horizontal="center" vertical="center"/>
    </xf>
    <xf numFmtId="0" fontId="5" fillId="0" borderId="7" xfId="2" applyNumberFormat="1" applyFont="1" applyFill="1" applyBorder="1" applyAlignment="1">
      <alignment horizontal="center" vertical="center"/>
    </xf>
    <xf numFmtId="0" fontId="5" fillId="0" borderId="8" xfId="2" applyNumberFormat="1" applyFont="1" applyFill="1" applyBorder="1" applyAlignment="1">
      <alignment horizontal="center" vertical="center"/>
    </xf>
    <xf numFmtId="0" fontId="11" fillId="0" borderId="22" xfId="3" applyNumberFormat="1" applyFill="1" applyBorder="1" applyAlignment="1">
      <alignment horizontal="left" vertical="center" wrapText="1"/>
    </xf>
    <xf numFmtId="0" fontId="11" fillId="0" borderId="21" xfId="3" applyNumberFormat="1" applyFill="1" applyBorder="1" applyAlignment="1">
      <alignment horizontal="left" vertical="center" wrapText="1"/>
    </xf>
    <xf numFmtId="0" fontId="11" fillId="0" borderId="23" xfId="3" applyNumberFormat="1" applyFill="1" applyBorder="1" applyAlignment="1">
      <alignment horizontal="left" vertical="center" wrapText="1"/>
    </xf>
  </cellXfs>
  <cellStyles count="4">
    <cellStyle name="ハイパーリンク" xfId="3" builtinId="8"/>
    <cellStyle name="桁区切り" xfId="1" builtinId="6"/>
    <cellStyle name="標準" xfId="0" builtinId="0"/>
    <cellStyle name="標準_③予算事業別調書(目次様式)" xfId="2"/>
  </cellStyles>
  <dxfs count="1">
    <dxf>
      <font>
        <color theme="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city.osaka.lg.jp/shijo/cmsfiles/contents/0000420/420499/seireiganrisyoukankin.xlsx" TargetMode="External"/><Relationship Id="rId2" Type="http://schemas.openxmlformats.org/officeDocument/2006/relationships/hyperlink" Target="http://www.city.osaka.lg.jp/shijo/cmsfiles/contents/0000420/420499/seireisisetuseibihi.xlsx" TargetMode="External"/><Relationship Id="rId1" Type="http://schemas.openxmlformats.org/officeDocument/2006/relationships/hyperlink" Target="http://www.city.osaka.lg.jp/shijo/cmsfiles/contents/0000420/420499/seireiuneihi.xlsx" TargetMode="External"/><Relationship Id="rId6" Type="http://schemas.openxmlformats.org/officeDocument/2006/relationships/printerSettings" Target="../printerSettings/printerSettings1.bin"/><Relationship Id="rId5" Type="http://schemas.openxmlformats.org/officeDocument/2006/relationships/hyperlink" Target="http://www.city.osaka.lg.jp/shijo/cmsfiles/contents/0000420/420499/seireiyobihi.xlsx" TargetMode="External"/><Relationship Id="rId4" Type="http://schemas.openxmlformats.org/officeDocument/2006/relationships/hyperlink" Target="http://www.city.osaka.lg.jp/shijo/cmsfiles/contents/0000420/420499/seireiippankaikeikuridasikin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A52"/>
  <sheetViews>
    <sheetView tabSelected="1" view="pageBreakPreview" zoomScale="85" zoomScaleNormal="100" zoomScaleSheetLayoutView="85" workbookViewId="0">
      <selection activeCell="E18" sqref="E18"/>
    </sheetView>
  </sheetViews>
  <sheetFormatPr defaultColWidth="8.625" defaultRowHeight="18" customHeight="1" outlineLevelCol="1"/>
  <cols>
    <col min="1" max="1" width="23.75" style="2" customWidth="1"/>
    <col min="2" max="2" width="17.5" style="2" customWidth="1"/>
    <col min="3" max="3" width="12.5" style="2" customWidth="1" collapsed="1"/>
    <col min="4" max="5" width="12.5" style="3" customWidth="1"/>
    <col min="6" max="6" width="12.5" style="2" customWidth="1" outlineLevel="1"/>
    <col min="7" max="7" width="6.25" style="4" customWidth="1"/>
    <col min="8" max="8" width="9.375" style="4" customWidth="1"/>
    <col min="9" max="9" width="3.25" style="4" bestFit="1" customWidth="1"/>
    <col min="10" max="10" width="7.375" style="4" bestFit="1" customWidth="1"/>
    <col min="11" max="54" width="8.625" style="4" customWidth="1"/>
    <col min="55" max="57" width="8.625" style="4" hidden="1" customWidth="1"/>
    <col min="58" max="236" width="8.625" style="4" customWidth="1"/>
    <col min="237" max="255" width="8.625" style="4"/>
    <col min="256" max="256" width="3.75" style="4" customWidth="1"/>
    <col min="257" max="257" width="12.5" style="4" customWidth="1"/>
    <col min="258" max="258" width="23.75" style="4" customWidth="1"/>
    <col min="259" max="259" width="17.5" style="4" customWidth="1"/>
    <col min="260" max="262" width="12.5" style="4" customWidth="1"/>
    <col min="263" max="263" width="6.25" style="4" customWidth="1"/>
    <col min="264" max="264" width="9.375" style="4" customWidth="1"/>
    <col min="265" max="265" width="3.25" style="4" bestFit="1" customWidth="1"/>
    <col min="266" max="266" width="7.375" style="4" bestFit="1" customWidth="1"/>
    <col min="267" max="492" width="8.625" style="4" customWidth="1"/>
    <col min="493" max="511" width="8.625" style="4"/>
    <col min="512" max="512" width="3.75" style="4" customWidth="1"/>
    <col min="513" max="513" width="12.5" style="4" customWidth="1"/>
    <col min="514" max="514" width="23.75" style="4" customWidth="1"/>
    <col min="515" max="515" width="17.5" style="4" customWidth="1"/>
    <col min="516" max="518" width="12.5" style="4" customWidth="1"/>
    <col min="519" max="519" width="6.25" style="4" customWidth="1"/>
    <col min="520" max="520" width="9.375" style="4" customWidth="1"/>
    <col min="521" max="521" width="3.25" style="4" bestFit="1" customWidth="1"/>
    <col min="522" max="522" width="7.375" style="4" bestFit="1" customWidth="1"/>
    <col min="523" max="748" width="8.625" style="4" customWidth="1"/>
    <col min="749" max="767" width="8.625" style="4"/>
    <col min="768" max="768" width="3.75" style="4" customWidth="1"/>
    <col min="769" max="769" width="12.5" style="4" customWidth="1"/>
    <col min="770" max="770" width="23.75" style="4" customWidth="1"/>
    <col min="771" max="771" width="17.5" style="4" customWidth="1"/>
    <col min="772" max="774" width="12.5" style="4" customWidth="1"/>
    <col min="775" max="775" width="6.25" style="4" customWidth="1"/>
    <col min="776" max="776" width="9.375" style="4" customWidth="1"/>
    <col min="777" max="777" width="3.25" style="4" bestFit="1" customWidth="1"/>
    <col min="778" max="778" width="7.375" style="4" bestFit="1" customWidth="1"/>
    <col min="779" max="1004" width="8.625" style="4" customWidth="1"/>
    <col min="1005" max="1023" width="8.625" style="4"/>
    <col min="1024" max="1024" width="3.75" style="4" customWidth="1"/>
    <col min="1025" max="1025" width="12.5" style="4" customWidth="1"/>
    <col min="1026" max="1026" width="23.75" style="4" customWidth="1"/>
    <col min="1027" max="1027" width="17.5" style="4" customWidth="1"/>
    <col min="1028" max="1030" width="12.5" style="4" customWidth="1"/>
    <col min="1031" max="1031" width="6.25" style="4" customWidth="1"/>
    <col min="1032" max="1032" width="9.375" style="4" customWidth="1"/>
    <col min="1033" max="1033" width="3.25" style="4" bestFit="1" customWidth="1"/>
    <col min="1034" max="1034" width="7.375" style="4" bestFit="1" customWidth="1"/>
    <col min="1035" max="1260" width="8.625" style="4" customWidth="1"/>
    <col min="1261" max="1279" width="8.625" style="4"/>
    <col min="1280" max="1280" width="3.75" style="4" customWidth="1"/>
    <col min="1281" max="1281" width="12.5" style="4" customWidth="1"/>
    <col min="1282" max="1282" width="23.75" style="4" customWidth="1"/>
    <col min="1283" max="1283" width="17.5" style="4" customWidth="1"/>
    <col min="1284" max="1286" width="12.5" style="4" customWidth="1"/>
    <col min="1287" max="1287" width="6.25" style="4" customWidth="1"/>
    <col min="1288" max="1288" width="9.375" style="4" customWidth="1"/>
    <col min="1289" max="1289" width="3.25" style="4" bestFit="1" customWidth="1"/>
    <col min="1290" max="1290" width="7.375" style="4" bestFit="1" customWidth="1"/>
    <col min="1291" max="1516" width="8.625" style="4" customWidth="1"/>
    <col min="1517" max="1535" width="8.625" style="4"/>
    <col min="1536" max="1536" width="3.75" style="4" customWidth="1"/>
    <col min="1537" max="1537" width="12.5" style="4" customWidth="1"/>
    <col min="1538" max="1538" width="23.75" style="4" customWidth="1"/>
    <col min="1539" max="1539" width="17.5" style="4" customWidth="1"/>
    <col min="1540" max="1542" width="12.5" style="4" customWidth="1"/>
    <col min="1543" max="1543" width="6.25" style="4" customWidth="1"/>
    <col min="1544" max="1544" width="9.375" style="4" customWidth="1"/>
    <col min="1545" max="1545" width="3.25" style="4" bestFit="1" customWidth="1"/>
    <col min="1546" max="1546" width="7.375" style="4" bestFit="1" customWidth="1"/>
    <col min="1547" max="1772" width="8.625" style="4" customWidth="1"/>
    <col min="1773" max="1791" width="8.625" style="4"/>
    <col min="1792" max="1792" width="3.75" style="4" customWidth="1"/>
    <col min="1793" max="1793" width="12.5" style="4" customWidth="1"/>
    <col min="1794" max="1794" width="23.75" style="4" customWidth="1"/>
    <col min="1795" max="1795" width="17.5" style="4" customWidth="1"/>
    <col min="1796" max="1798" width="12.5" style="4" customWidth="1"/>
    <col min="1799" max="1799" width="6.25" style="4" customWidth="1"/>
    <col min="1800" max="1800" width="9.375" style="4" customWidth="1"/>
    <col min="1801" max="1801" width="3.25" style="4" bestFit="1" customWidth="1"/>
    <col min="1802" max="1802" width="7.375" style="4" bestFit="1" customWidth="1"/>
    <col min="1803" max="2028" width="8.625" style="4" customWidth="1"/>
    <col min="2029" max="2047" width="8.625" style="4"/>
    <col min="2048" max="2048" width="3.75" style="4" customWidth="1"/>
    <col min="2049" max="2049" width="12.5" style="4" customWidth="1"/>
    <col min="2050" max="2050" width="23.75" style="4" customWidth="1"/>
    <col min="2051" max="2051" width="17.5" style="4" customWidth="1"/>
    <col min="2052" max="2054" width="12.5" style="4" customWidth="1"/>
    <col min="2055" max="2055" width="6.25" style="4" customWidth="1"/>
    <col min="2056" max="2056" width="9.375" style="4" customWidth="1"/>
    <col min="2057" max="2057" width="3.25" style="4" bestFit="1" customWidth="1"/>
    <col min="2058" max="2058" width="7.375" style="4" bestFit="1" customWidth="1"/>
    <col min="2059" max="2284" width="8.625" style="4" customWidth="1"/>
    <col min="2285" max="2303" width="8.625" style="4"/>
    <col min="2304" max="2304" width="3.75" style="4" customWidth="1"/>
    <col min="2305" max="2305" width="12.5" style="4" customWidth="1"/>
    <col min="2306" max="2306" width="23.75" style="4" customWidth="1"/>
    <col min="2307" max="2307" width="17.5" style="4" customWidth="1"/>
    <col min="2308" max="2310" width="12.5" style="4" customWidth="1"/>
    <col min="2311" max="2311" width="6.25" style="4" customWidth="1"/>
    <col min="2312" max="2312" width="9.375" style="4" customWidth="1"/>
    <col min="2313" max="2313" width="3.25" style="4" bestFit="1" customWidth="1"/>
    <col min="2314" max="2314" width="7.375" style="4" bestFit="1" customWidth="1"/>
    <col min="2315" max="2540" width="8.625" style="4" customWidth="1"/>
    <col min="2541" max="2559" width="8.625" style="4"/>
    <col min="2560" max="2560" width="3.75" style="4" customWidth="1"/>
    <col min="2561" max="2561" width="12.5" style="4" customWidth="1"/>
    <col min="2562" max="2562" width="23.75" style="4" customWidth="1"/>
    <col min="2563" max="2563" width="17.5" style="4" customWidth="1"/>
    <col min="2564" max="2566" width="12.5" style="4" customWidth="1"/>
    <col min="2567" max="2567" width="6.25" style="4" customWidth="1"/>
    <col min="2568" max="2568" width="9.375" style="4" customWidth="1"/>
    <col min="2569" max="2569" width="3.25" style="4" bestFit="1" customWidth="1"/>
    <col min="2570" max="2570" width="7.375" style="4" bestFit="1" customWidth="1"/>
    <col min="2571" max="2796" width="8.625" style="4" customWidth="1"/>
    <col min="2797" max="2815" width="8.625" style="4"/>
    <col min="2816" max="2816" width="3.75" style="4" customWidth="1"/>
    <col min="2817" max="2817" width="12.5" style="4" customWidth="1"/>
    <col min="2818" max="2818" width="23.75" style="4" customWidth="1"/>
    <col min="2819" max="2819" width="17.5" style="4" customWidth="1"/>
    <col min="2820" max="2822" width="12.5" style="4" customWidth="1"/>
    <col min="2823" max="2823" width="6.25" style="4" customWidth="1"/>
    <col min="2824" max="2824" width="9.375" style="4" customWidth="1"/>
    <col min="2825" max="2825" width="3.25" style="4" bestFit="1" customWidth="1"/>
    <col min="2826" max="2826" width="7.375" style="4" bestFit="1" customWidth="1"/>
    <col min="2827" max="3052" width="8.625" style="4" customWidth="1"/>
    <col min="3053" max="3071" width="8.625" style="4"/>
    <col min="3072" max="3072" width="3.75" style="4" customWidth="1"/>
    <col min="3073" max="3073" width="12.5" style="4" customWidth="1"/>
    <col min="3074" max="3074" width="23.75" style="4" customWidth="1"/>
    <col min="3075" max="3075" width="17.5" style="4" customWidth="1"/>
    <col min="3076" max="3078" width="12.5" style="4" customWidth="1"/>
    <col min="3079" max="3079" width="6.25" style="4" customWidth="1"/>
    <col min="3080" max="3080" width="9.375" style="4" customWidth="1"/>
    <col min="3081" max="3081" width="3.25" style="4" bestFit="1" customWidth="1"/>
    <col min="3082" max="3082" width="7.375" style="4" bestFit="1" customWidth="1"/>
    <col min="3083" max="3308" width="8.625" style="4" customWidth="1"/>
    <col min="3309" max="3327" width="8.625" style="4"/>
    <col min="3328" max="3328" width="3.75" style="4" customWidth="1"/>
    <col min="3329" max="3329" width="12.5" style="4" customWidth="1"/>
    <col min="3330" max="3330" width="23.75" style="4" customWidth="1"/>
    <col min="3331" max="3331" width="17.5" style="4" customWidth="1"/>
    <col min="3332" max="3334" width="12.5" style="4" customWidth="1"/>
    <col min="3335" max="3335" width="6.25" style="4" customWidth="1"/>
    <col min="3336" max="3336" width="9.375" style="4" customWidth="1"/>
    <col min="3337" max="3337" width="3.25" style="4" bestFit="1" customWidth="1"/>
    <col min="3338" max="3338" width="7.375" style="4" bestFit="1" customWidth="1"/>
    <col min="3339" max="3564" width="8.625" style="4" customWidth="1"/>
    <col min="3565" max="3583" width="8.625" style="4"/>
    <col min="3584" max="3584" width="3.75" style="4" customWidth="1"/>
    <col min="3585" max="3585" width="12.5" style="4" customWidth="1"/>
    <col min="3586" max="3586" width="23.75" style="4" customWidth="1"/>
    <col min="3587" max="3587" width="17.5" style="4" customWidth="1"/>
    <col min="3588" max="3590" width="12.5" style="4" customWidth="1"/>
    <col min="3591" max="3591" width="6.25" style="4" customWidth="1"/>
    <col min="3592" max="3592" width="9.375" style="4" customWidth="1"/>
    <col min="3593" max="3593" width="3.25" style="4" bestFit="1" customWidth="1"/>
    <col min="3594" max="3594" width="7.375" style="4" bestFit="1" customWidth="1"/>
    <col min="3595" max="3820" width="8.625" style="4" customWidth="1"/>
    <col min="3821" max="3839" width="8.625" style="4"/>
    <col min="3840" max="3840" width="3.75" style="4" customWidth="1"/>
    <col min="3841" max="3841" width="12.5" style="4" customWidth="1"/>
    <col min="3842" max="3842" width="23.75" style="4" customWidth="1"/>
    <col min="3843" max="3843" width="17.5" style="4" customWidth="1"/>
    <col min="3844" max="3846" width="12.5" style="4" customWidth="1"/>
    <col min="3847" max="3847" width="6.25" style="4" customWidth="1"/>
    <col min="3848" max="3848" width="9.375" style="4" customWidth="1"/>
    <col min="3849" max="3849" width="3.25" style="4" bestFit="1" customWidth="1"/>
    <col min="3850" max="3850" width="7.375" style="4" bestFit="1" customWidth="1"/>
    <col min="3851" max="4076" width="8.625" style="4" customWidth="1"/>
    <col min="4077" max="4095" width="8.625" style="4"/>
    <col min="4096" max="4096" width="3.75" style="4" customWidth="1"/>
    <col min="4097" max="4097" width="12.5" style="4" customWidth="1"/>
    <col min="4098" max="4098" width="23.75" style="4" customWidth="1"/>
    <col min="4099" max="4099" width="17.5" style="4" customWidth="1"/>
    <col min="4100" max="4102" width="12.5" style="4" customWidth="1"/>
    <col min="4103" max="4103" width="6.25" style="4" customWidth="1"/>
    <col min="4104" max="4104" width="9.375" style="4" customWidth="1"/>
    <col min="4105" max="4105" width="3.25" style="4" bestFit="1" customWidth="1"/>
    <col min="4106" max="4106" width="7.375" style="4" bestFit="1" customWidth="1"/>
    <col min="4107" max="4332" width="8.625" style="4" customWidth="1"/>
    <col min="4333" max="4351" width="8.625" style="4"/>
    <col min="4352" max="4352" width="3.75" style="4" customWidth="1"/>
    <col min="4353" max="4353" width="12.5" style="4" customWidth="1"/>
    <col min="4354" max="4354" width="23.75" style="4" customWidth="1"/>
    <col min="4355" max="4355" width="17.5" style="4" customWidth="1"/>
    <col min="4356" max="4358" width="12.5" style="4" customWidth="1"/>
    <col min="4359" max="4359" width="6.25" style="4" customWidth="1"/>
    <col min="4360" max="4360" width="9.375" style="4" customWidth="1"/>
    <col min="4361" max="4361" width="3.25" style="4" bestFit="1" customWidth="1"/>
    <col min="4362" max="4362" width="7.375" style="4" bestFit="1" customWidth="1"/>
    <col min="4363" max="4588" width="8.625" style="4" customWidth="1"/>
    <col min="4589" max="4607" width="8.625" style="4"/>
    <col min="4608" max="4608" width="3.75" style="4" customWidth="1"/>
    <col min="4609" max="4609" width="12.5" style="4" customWidth="1"/>
    <col min="4610" max="4610" width="23.75" style="4" customWidth="1"/>
    <col min="4611" max="4611" width="17.5" style="4" customWidth="1"/>
    <col min="4612" max="4614" width="12.5" style="4" customWidth="1"/>
    <col min="4615" max="4615" width="6.25" style="4" customWidth="1"/>
    <col min="4616" max="4616" width="9.375" style="4" customWidth="1"/>
    <col min="4617" max="4617" width="3.25" style="4" bestFit="1" customWidth="1"/>
    <col min="4618" max="4618" width="7.375" style="4" bestFit="1" customWidth="1"/>
    <col min="4619" max="4844" width="8.625" style="4" customWidth="1"/>
    <col min="4845" max="4863" width="8.625" style="4"/>
    <col min="4864" max="4864" width="3.75" style="4" customWidth="1"/>
    <col min="4865" max="4865" width="12.5" style="4" customWidth="1"/>
    <col min="4866" max="4866" width="23.75" style="4" customWidth="1"/>
    <col min="4867" max="4867" width="17.5" style="4" customWidth="1"/>
    <col min="4868" max="4870" width="12.5" style="4" customWidth="1"/>
    <col min="4871" max="4871" width="6.25" style="4" customWidth="1"/>
    <col min="4872" max="4872" width="9.375" style="4" customWidth="1"/>
    <col min="4873" max="4873" width="3.25" style="4" bestFit="1" customWidth="1"/>
    <col min="4874" max="4874" width="7.375" style="4" bestFit="1" customWidth="1"/>
    <col min="4875" max="5100" width="8.625" style="4" customWidth="1"/>
    <col min="5101" max="5119" width="8.625" style="4"/>
    <col min="5120" max="5120" width="3.75" style="4" customWidth="1"/>
    <col min="5121" max="5121" width="12.5" style="4" customWidth="1"/>
    <col min="5122" max="5122" width="23.75" style="4" customWidth="1"/>
    <col min="5123" max="5123" width="17.5" style="4" customWidth="1"/>
    <col min="5124" max="5126" width="12.5" style="4" customWidth="1"/>
    <col min="5127" max="5127" width="6.25" style="4" customWidth="1"/>
    <col min="5128" max="5128" width="9.375" style="4" customWidth="1"/>
    <col min="5129" max="5129" width="3.25" style="4" bestFit="1" customWidth="1"/>
    <col min="5130" max="5130" width="7.375" style="4" bestFit="1" customWidth="1"/>
    <col min="5131" max="5356" width="8.625" style="4" customWidth="1"/>
    <col min="5357" max="5375" width="8.625" style="4"/>
    <col min="5376" max="5376" width="3.75" style="4" customWidth="1"/>
    <col min="5377" max="5377" width="12.5" style="4" customWidth="1"/>
    <col min="5378" max="5378" width="23.75" style="4" customWidth="1"/>
    <col min="5379" max="5379" width="17.5" style="4" customWidth="1"/>
    <col min="5380" max="5382" width="12.5" style="4" customWidth="1"/>
    <col min="5383" max="5383" width="6.25" style="4" customWidth="1"/>
    <col min="5384" max="5384" width="9.375" style="4" customWidth="1"/>
    <col min="5385" max="5385" width="3.25" style="4" bestFit="1" customWidth="1"/>
    <col min="5386" max="5386" width="7.375" style="4" bestFit="1" customWidth="1"/>
    <col min="5387" max="5612" width="8.625" style="4" customWidth="1"/>
    <col min="5613" max="5631" width="8.625" style="4"/>
    <col min="5632" max="5632" width="3.75" style="4" customWidth="1"/>
    <col min="5633" max="5633" width="12.5" style="4" customWidth="1"/>
    <col min="5634" max="5634" width="23.75" style="4" customWidth="1"/>
    <col min="5635" max="5635" width="17.5" style="4" customWidth="1"/>
    <col min="5636" max="5638" width="12.5" style="4" customWidth="1"/>
    <col min="5639" max="5639" width="6.25" style="4" customWidth="1"/>
    <col min="5640" max="5640" width="9.375" style="4" customWidth="1"/>
    <col min="5641" max="5641" width="3.25" style="4" bestFit="1" customWidth="1"/>
    <col min="5642" max="5642" width="7.375" style="4" bestFit="1" customWidth="1"/>
    <col min="5643" max="5868" width="8.625" style="4" customWidth="1"/>
    <col min="5869" max="5887" width="8.625" style="4"/>
    <col min="5888" max="5888" width="3.75" style="4" customWidth="1"/>
    <col min="5889" max="5889" width="12.5" style="4" customWidth="1"/>
    <col min="5890" max="5890" width="23.75" style="4" customWidth="1"/>
    <col min="5891" max="5891" width="17.5" style="4" customWidth="1"/>
    <col min="5892" max="5894" width="12.5" style="4" customWidth="1"/>
    <col min="5895" max="5895" width="6.25" style="4" customWidth="1"/>
    <col min="5896" max="5896" width="9.375" style="4" customWidth="1"/>
    <col min="5897" max="5897" width="3.25" style="4" bestFit="1" customWidth="1"/>
    <col min="5898" max="5898" width="7.375" style="4" bestFit="1" customWidth="1"/>
    <col min="5899" max="6124" width="8.625" style="4" customWidth="1"/>
    <col min="6125" max="6143" width="8.625" style="4"/>
    <col min="6144" max="6144" width="3.75" style="4" customWidth="1"/>
    <col min="6145" max="6145" width="12.5" style="4" customWidth="1"/>
    <col min="6146" max="6146" width="23.75" style="4" customWidth="1"/>
    <col min="6147" max="6147" width="17.5" style="4" customWidth="1"/>
    <col min="6148" max="6150" width="12.5" style="4" customWidth="1"/>
    <col min="6151" max="6151" width="6.25" style="4" customWidth="1"/>
    <col min="6152" max="6152" width="9.375" style="4" customWidth="1"/>
    <col min="6153" max="6153" width="3.25" style="4" bestFit="1" customWidth="1"/>
    <col min="6154" max="6154" width="7.375" style="4" bestFit="1" customWidth="1"/>
    <col min="6155" max="6380" width="8.625" style="4" customWidth="1"/>
    <col min="6381" max="6399" width="8.625" style="4"/>
    <col min="6400" max="6400" width="3.75" style="4" customWidth="1"/>
    <col min="6401" max="6401" width="12.5" style="4" customWidth="1"/>
    <col min="6402" max="6402" width="23.75" style="4" customWidth="1"/>
    <col min="6403" max="6403" width="17.5" style="4" customWidth="1"/>
    <col min="6404" max="6406" width="12.5" style="4" customWidth="1"/>
    <col min="6407" max="6407" width="6.25" style="4" customWidth="1"/>
    <col min="6408" max="6408" width="9.375" style="4" customWidth="1"/>
    <col min="6409" max="6409" width="3.25" style="4" bestFit="1" customWidth="1"/>
    <col min="6410" max="6410" width="7.375" style="4" bestFit="1" customWidth="1"/>
    <col min="6411" max="6636" width="8.625" style="4" customWidth="1"/>
    <col min="6637" max="6655" width="8.625" style="4"/>
    <col min="6656" max="6656" width="3.75" style="4" customWidth="1"/>
    <col min="6657" max="6657" width="12.5" style="4" customWidth="1"/>
    <col min="6658" max="6658" width="23.75" style="4" customWidth="1"/>
    <col min="6659" max="6659" width="17.5" style="4" customWidth="1"/>
    <col min="6660" max="6662" width="12.5" style="4" customWidth="1"/>
    <col min="6663" max="6663" width="6.25" style="4" customWidth="1"/>
    <col min="6664" max="6664" width="9.375" style="4" customWidth="1"/>
    <col min="6665" max="6665" width="3.25" style="4" bestFit="1" customWidth="1"/>
    <col min="6666" max="6666" width="7.375" style="4" bestFit="1" customWidth="1"/>
    <col min="6667" max="6892" width="8.625" style="4" customWidth="1"/>
    <col min="6893" max="6911" width="8.625" style="4"/>
    <col min="6912" max="6912" width="3.75" style="4" customWidth="1"/>
    <col min="6913" max="6913" width="12.5" style="4" customWidth="1"/>
    <col min="6914" max="6914" width="23.75" style="4" customWidth="1"/>
    <col min="6915" max="6915" width="17.5" style="4" customWidth="1"/>
    <col min="6916" max="6918" width="12.5" style="4" customWidth="1"/>
    <col min="6919" max="6919" width="6.25" style="4" customWidth="1"/>
    <col min="6920" max="6920" width="9.375" style="4" customWidth="1"/>
    <col min="6921" max="6921" width="3.25" style="4" bestFit="1" customWidth="1"/>
    <col min="6922" max="6922" width="7.375" style="4" bestFit="1" customWidth="1"/>
    <col min="6923" max="7148" width="8.625" style="4" customWidth="1"/>
    <col min="7149" max="7167" width="8.625" style="4"/>
    <col min="7168" max="7168" width="3.75" style="4" customWidth="1"/>
    <col min="7169" max="7169" width="12.5" style="4" customWidth="1"/>
    <col min="7170" max="7170" width="23.75" style="4" customWidth="1"/>
    <col min="7171" max="7171" width="17.5" style="4" customWidth="1"/>
    <col min="7172" max="7174" width="12.5" style="4" customWidth="1"/>
    <col min="7175" max="7175" width="6.25" style="4" customWidth="1"/>
    <col min="7176" max="7176" width="9.375" style="4" customWidth="1"/>
    <col min="7177" max="7177" width="3.25" style="4" bestFit="1" customWidth="1"/>
    <col min="7178" max="7178" width="7.375" style="4" bestFit="1" customWidth="1"/>
    <col min="7179" max="7404" width="8.625" style="4" customWidth="1"/>
    <col min="7405" max="7423" width="8.625" style="4"/>
    <col min="7424" max="7424" width="3.75" style="4" customWidth="1"/>
    <col min="7425" max="7425" width="12.5" style="4" customWidth="1"/>
    <col min="7426" max="7426" width="23.75" style="4" customWidth="1"/>
    <col min="7427" max="7427" width="17.5" style="4" customWidth="1"/>
    <col min="7428" max="7430" width="12.5" style="4" customWidth="1"/>
    <col min="7431" max="7431" width="6.25" style="4" customWidth="1"/>
    <col min="7432" max="7432" width="9.375" style="4" customWidth="1"/>
    <col min="7433" max="7433" width="3.25" style="4" bestFit="1" customWidth="1"/>
    <col min="7434" max="7434" width="7.375" style="4" bestFit="1" customWidth="1"/>
    <col min="7435" max="7660" width="8.625" style="4" customWidth="1"/>
    <col min="7661" max="7679" width="8.625" style="4"/>
    <col min="7680" max="7680" width="3.75" style="4" customWidth="1"/>
    <col min="7681" max="7681" width="12.5" style="4" customWidth="1"/>
    <col min="7682" max="7682" width="23.75" style="4" customWidth="1"/>
    <col min="7683" max="7683" width="17.5" style="4" customWidth="1"/>
    <col min="7684" max="7686" width="12.5" style="4" customWidth="1"/>
    <col min="7687" max="7687" width="6.25" style="4" customWidth="1"/>
    <col min="7688" max="7688" width="9.375" style="4" customWidth="1"/>
    <col min="7689" max="7689" width="3.25" style="4" bestFit="1" customWidth="1"/>
    <col min="7690" max="7690" width="7.375" style="4" bestFit="1" customWidth="1"/>
    <col min="7691" max="7916" width="8.625" style="4" customWidth="1"/>
    <col min="7917" max="7935" width="8.625" style="4"/>
    <col min="7936" max="7936" width="3.75" style="4" customWidth="1"/>
    <col min="7937" max="7937" width="12.5" style="4" customWidth="1"/>
    <col min="7938" max="7938" width="23.75" style="4" customWidth="1"/>
    <col min="7939" max="7939" width="17.5" style="4" customWidth="1"/>
    <col min="7940" max="7942" width="12.5" style="4" customWidth="1"/>
    <col min="7943" max="7943" width="6.25" style="4" customWidth="1"/>
    <col min="7944" max="7944" width="9.375" style="4" customWidth="1"/>
    <col min="7945" max="7945" width="3.25" style="4" bestFit="1" customWidth="1"/>
    <col min="7946" max="7946" width="7.375" style="4" bestFit="1" customWidth="1"/>
    <col min="7947" max="8172" width="8.625" style="4" customWidth="1"/>
    <col min="8173" max="8191" width="8.625" style="4"/>
    <col min="8192" max="8192" width="3.75" style="4" customWidth="1"/>
    <col min="8193" max="8193" width="12.5" style="4" customWidth="1"/>
    <col min="8194" max="8194" width="23.75" style="4" customWidth="1"/>
    <col min="8195" max="8195" width="17.5" style="4" customWidth="1"/>
    <col min="8196" max="8198" width="12.5" style="4" customWidth="1"/>
    <col min="8199" max="8199" width="6.25" style="4" customWidth="1"/>
    <col min="8200" max="8200" width="9.375" style="4" customWidth="1"/>
    <col min="8201" max="8201" width="3.25" style="4" bestFit="1" customWidth="1"/>
    <col min="8202" max="8202" width="7.375" style="4" bestFit="1" customWidth="1"/>
    <col min="8203" max="8428" width="8.625" style="4" customWidth="1"/>
    <col min="8429" max="8447" width="8.625" style="4"/>
    <col min="8448" max="8448" width="3.75" style="4" customWidth="1"/>
    <col min="8449" max="8449" width="12.5" style="4" customWidth="1"/>
    <col min="8450" max="8450" width="23.75" style="4" customWidth="1"/>
    <col min="8451" max="8451" width="17.5" style="4" customWidth="1"/>
    <col min="8452" max="8454" width="12.5" style="4" customWidth="1"/>
    <col min="8455" max="8455" width="6.25" style="4" customWidth="1"/>
    <col min="8456" max="8456" width="9.375" style="4" customWidth="1"/>
    <col min="8457" max="8457" width="3.25" style="4" bestFit="1" customWidth="1"/>
    <col min="8458" max="8458" width="7.375" style="4" bestFit="1" customWidth="1"/>
    <col min="8459" max="8684" width="8.625" style="4" customWidth="1"/>
    <col min="8685" max="8703" width="8.625" style="4"/>
    <col min="8704" max="8704" width="3.75" style="4" customWidth="1"/>
    <col min="8705" max="8705" width="12.5" style="4" customWidth="1"/>
    <col min="8706" max="8706" width="23.75" style="4" customWidth="1"/>
    <col min="8707" max="8707" width="17.5" style="4" customWidth="1"/>
    <col min="8708" max="8710" width="12.5" style="4" customWidth="1"/>
    <col min="8711" max="8711" width="6.25" style="4" customWidth="1"/>
    <col min="8712" max="8712" width="9.375" style="4" customWidth="1"/>
    <col min="8713" max="8713" width="3.25" style="4" bestFit="1" customWidth="1"/>
    <col min="8714" max="8714" width="7.375" style="4" bestFit="1" customWidth="1"/>
    <col min="8715" max="8940" width="8.625" style="4" customWidth="1"/>
    <col min="8941" max="8959" width="8.625" style="4"/>
    <col min="8960" max="8960" width="3.75" style="4" customWidth="1"/>
    <col min="8961" max="8961" width="12.5" style="4" customWidth="1"/>
    <col min="8962" max="8962" width="23.75" style="4" customWidth="1"/>
    <col min="8963" max="8963" width="17.5" style="4" customWidth="1"/>
    <col min="8964" max="8966" width="12.5" style="4" customWidth="1"/>
    <col min="8967" max="8967" width="6.25" style="4" customWidth="1"/>
    <col min="8968" max="8968" width="9.375" style="4" customWidth="1"/>
    <col min="8969" max="8969" width="3.25" style="4" bestFit="1" customWidth="1"/>
    <col min="8970" max="8970" width="7.375" style="4" bestFit="1" customWidth="1"/>
    <col min="8971" max="9196" width="8.625" style="4" customWidth="1"/>
    <col min="9197" max="9215" width="8.625" style="4"/>
    <col min="9216" max="9216" width="3.75" style="4" customWidth="1"/>
    <col min="9217" max="9217" width="12.5" style="4" customWidth="1"/>
    <col min="9218" max="9218" width="23.75" style="4" customWidth="1"/>
    <col min="9219" max="9219" width="17.5" style="4" customWidth="1"/>
    <col min="9220" max="9222" width="12.5" style="4" customWidth="1"/>
    <col min="9223" max="9223" width="6.25" style="4" customWidth="1"/>
    <col min="9224" max="9224" width="9.375" style="4" customWidth="1"/>
    <col min="9225" max="9225" width="3.25" style="4" bestFit="1" customWidth="1"/>
    <col min="9226" max="9226" width="7.375" style="4" bestFit="1" customWidth="1"/>
    <col min="9227" max="9452" width="8.625" style="4" customWidth="1"/>
    <col min="9453" max="9471" width="8.625" style="4"/>
    <col min="9472" max="9472" width="3.75" style="4" customWidth="1"/>
    <col min="9473" max="9473" width="12.5" style="4" customWidth="1"/>
    <col min="9474" max="9474" width="23.75" style="4" customWidth="1"/>
    <col min="9475" max="9475" width="17.5" style="4" customWidth="1"/>
    <col min="9476" max="9478" width="12.5" style="4" customWidth="1"/>
    <col min="9479" max="9479" width="6.25" style="4" customWidth="1"/>
    <col min="9480" max="9480" width="9.375" style="4" customWidth="1"/>
    <col min="9481" max="9481" width="3.25" style="4" bestFit="1" customWidth="1"/>
    <col min="9482" max="9482" width="7.375" style="4" bestFit="1" customWidth="1"/>
    <col min="9483" max="9708" width="8.625" style="4" customWidth="1"/>
    <col min="9709" max="9727" width="8.625" style="4"/>
    <col min="9728" max="9728" width="3.75" style="4" customWidth="1"/>
    <col min="9729" max="9729" width="12.5" style="4" customWidth="1"/>
    <col min="9730" max="9730" width="23.75" style="4" customWidth="1"/>
    <col min="9731" max="9731" width="17.5" style="4" customWidth="1"/>
    <col min="9732" max="9734" width="12.5" style="4" customWidth="1"/>
    <col min="9735" max="9735" width="6.25" style="4" customWidth="1"/>
    <col min="9736" max="9736" width="9.375" style="4" customWidth="1"/>
    <col min="9737" max="9737" width="3.25" style="4" bestFit="1" customWidth="1"/>
    <col min="9738" max="9738" width="7.375" style="4" bestFit="1" customWidth="1"/>
    <col min="9739" max="9964" width="8.625" style="4" customWidth="1"/>
    <col min="9965" max="9983" width="8.625" style="4"/>
    <col min="9984" max="9984" width="3.75" style="4" customWidth="1"/>
    <col min="9985" max="9985" width="12.5" style="4" customWidth="1"/>
    <col min="9986" max="9986" width="23.75" style="4" customWidth="1"/>
    <col min="9987" max="9987" width="17.5" style="4" customWidth="1"/>
    <col min="9988" max="9990" width="12.5" style="4" customWidth="1"/>
    <col min="9991" max="9991" width="6.25" style="4" customWidth="1"/>
    <col min="9992" max="9992" width="9.375" style="4" customWidth="1"/>
    <col min="9993" max="9993" width="3.25" style="4" bestFit="1" customWidth="1"/>
    <col min="9994" max="9994" width="7.375" style="4" bestFit="1" customWidth="1"/>
    <col min="9995" max="10220" width="8.625" style="4" customWidth="1"/>
    <col min="10221" max="10239" width="8.625" style="4"/>
    <col min="10240" max="10240" width="3.75" style="4" customWidth="1"/>
    <col min="10241" max="10241" width="12.5" style="4" customWidth="1"/>
    <col min="10242" max="10242" width="23.75" style="4" customWidth="1"/>
    <col min="10243" max="10243" width="17.5" style="4" customWidth="1"/>
    <col min="10244" max="10246" width="12.5" style="4" customWidth="1"/>
    <col min="10247" max="10247" width="6.25" style="4" customWidth="1"/>
    <col min="10248" max="10248" width="9.375" style="4" customWidth="1"/>
    <col min="10249" max="10249" width="3.25" style="4" bestFit="1" customWidth="1"/>
    <col min="10250" max="10250" width="7.375" style="4" bestFit="1" customWidth="1"/>
    <col min="10251" max="10476" width="8.625" style="4" customWidth="1"/>
    <col min="10477" max="10495" width="8.625" style="4"/>
    <col min="10496" max="10496" width="3.75" style="4" customWidth="1"/>
    <col min="10497" max="10497" width="12.5" style="4" customWidth="1"/>
    <col min="10498" max="10498" width="23.75" style="4" customWidth="1"/>
    <col min="10499" max="10499" width="17.5" style="4" customWidth="1"/>
    <col min="10500" max="10502" width="12.5" style="4" customWidth="1"/>
    <col min="10503" max="10503" width="6.25" style="4" customWidth="1"/>
    <col min="10504" max="10504" width="9.375" style="4" customWidth="1"/>
    <col min="10505" max="10505" width="3.25" style="4" bestFit="1" customWidth="1"/>
    <col min="10506" max="10506" width="7.375" style="4" bestFit="1" customWidth="1"/>
    <col min="10507" max="10732" width="8.625" style="4" customWidth="1"/>
    <col min="10733" max="10751" width="8.625" style="4"/>
    <col min="10752" max="10752" width="3.75" style="4" customWidth="1"/>
    <col min="10753" max="10753" width="12.5" style="4" customWidth="1"/>
    <col min="10754" max="10754" width="23.75" style="4" customWidth="1"/>
    <col min="10755" max="10755" width="17.5" style="4" customWidth="1"/>
    <col min="10756" max="10758" width="12.5" style="4" customWidth="1"/>
    <col min="10759" max="10759" width="6.25" style="4" customWidth="1"/>
    <col min="10760" max="10760" width="9.375" style="4" customWidth="1"/>
    <col min="10761" max="10761" width="3.25" style="4" bestFit="1" customWidth="1"/>
    <col min="10762" max="10762" width="7.375" style="4" bestFit="1" customWidth="1"/>
    <col min="10763" max="10988" width="8.625" style="4" customWidth="1"/>
    <col min="10989" max="11007" width="8.625" style="4"/>
    <col min="11008" max="11008" width="3.75" style="4" customWidth="1"/>
    <col min="11009" max="11009" width="12.5" style="4" customWidth="1"/>
    <col min="11010" max="11010" width="23.75" style="4" customWidth="1"/>
    <col min="11011" max="11011" width="17.5" style="4" customWidth="1"/>
    <col min="11012" max="11014" width="12.5" style="4" customWidth="1"/>
    <col min="11015" max="11015" width="6.25" style="4" customWidth="1"/>
    <col min="11016" max="11016" width="9.375" style="4" customWidth="1"/>
    <col min="11017" max="11017" width="3.25" style="4" bestFit="1" customWidth="1"/>
    <col min="11018" max="11018" width="7.375" style="4" bestFit="1" customWidth="1"/>
    <col min="11019" max="11244" width="8.625" style="4" customWidth="1"/>
    <col min="11245" max="11263" width="8.625" style="4"/>
    <col min="11264" max="11264" width="3.75" style="4" customWidth="1"/>
    <col min="11265" max="11265" width="12.5" style="4" customWidth="1"/>
    <col min="11266" max="11266" width="23.75" style="4" customWidth="1"/>
    <col min="11267" max="11267" width="17.5" style="4" customWidth="1"/>
    <col min="11268" max="11270" width="12.5" style="4" customWidth="1"/>
    <col min="11271" max="11271" width="6.25" style="4" customWidth="1"/>
    <col min="11272" max="11272" width="9.375" style="4" customWidth="1"/>
    <col min="11273" max="11273" width="3.25" style="4" bestFit="1" customWidth="1"/>
    <col min="11274" max="11274" width="7.375" style="4" bestFit="1" customWidth="1"/>
    <col min="11275" max="11500" width="8.625" style="4" customWidth="1"/>
    <col min="11501" max="11519" width="8.625" style="4"/>
    <col min="11520" max="11520" width="3.75" style="4" customWidth="1"/>
    <col min="11521" max="11521" width="12.5" style="4" customWidth="1"/>
    <col min="11522" max="11522" width="23.75" style="4" customWidth="1"/>
    <col min="11523" max="11523" width="17.5" style="4" customWidth="1"/>
    <col min="11524" max="11526" width="12.5" style="4" customWidth="1"/>
    <col min="11527" max="11527" width="6.25" style="4" customWidth="1"/>
    <col min="11528" max="11528" width="9.375" style="4" customWidth="1"/>
    <col min="11529" max="11529" width="3.25" style="4" bestFit="1" customWidth="1"/>
    <col min="11530" max="11530" width="7.375" style="4" bestFit="1" customWidth="1"/>
    <col min="11531" max="11756" width="8.625" style="4" customWidth="1"/>
    <col min="11757" max="11775" width="8.625" style="4"/>
    <col min="11776" max="11776" width="3.75" style="4" customWidth="1"/>
    <col min="11777" max="11777" width="12.5" style="4" customWidth="1"/>
    <col min="11778" max="11778" width="23.75" style="4" customWidth="1"/>
    <col min="11779" max="11779" width="17.5" style="4" customWidth="1"/>
    <col min="11780" max="11782" width="12.5" style="4" customWidth="1"/>
    <col min="11783" max="11783" width="6.25" style="4" customWidth="1"/>
    <col min="11784" max="11784" width="9.375" style="4" customWidth="1"/>
    <col min="11785" max="11785" width="3.25" style="4" bestFit="1" customWidth="1"/>
    <col min="11786" max="11786" width="7.375" style="4" bestFit="1" customWidth="1"/>
    <col min="11787" max="12012" width="8.625" style="4" customWidth="1"/>
    <col min="12013" max="12031" width="8.625" style="4"/>
    <col min="12032" max="12032" width="3.75" style="4" customWidth="1"/>
    <col min="12033" max="12033" width="12.5" style="4" customWidth="1"/>
    <col min="12034" max="12034" width="23.75" style="4" customWidth="1"/>
    <col min="12035" max="12035" width="17.5" style="4" customWidth="1"/>
    <col min="12036" max="12038" width="12.5" style="4" customWidth="1"/>
    <col min="12039" max="12039" width="6.25" style="4" customWidth="1"/>
    <col min="12040" max="12040" width="9.375" style="4" customWidth="1"/>
    <col min="12041" max="12041" width="3.25" style="4" bestFit="1" customWidth="1"/>
    <col min="12042" max="12042" width="7.375" style="4" bestFit="1" customWidth="1"/>
    <col min="12043" max="12268" width="8.625" style="4" customWidth="1"/>
    <col min="12269" max="12287" width="8.625" style="4"/>
    <col min="12288" max="12288" width="3.75" style="4" customWidth="1"/>
    <col min="12289" max="12289" width="12.5" style="4" customWidth="1"/>
    <col min="12290" max="12290" width="23.75" style="4" customWidth="1"/>
    <col min="12291" max="12291" width="17.5" style="4" customWidth="1"/>
    <col min="12292" max="12294" width="12.5" style="4" customWidth="1"/>
    <col min="12295" max="12295" width="6.25" style="4" customWidth="1"/>
    <col min="12296" max="12296" width="9.375" style="4" customWidth="1"/>
    <col min="12297" max="12297" width="3.25" style="4" bestFit="1" customWidth="1"/>
    <col min="12298" max="12298" width="7.375" style="4" bestFit="1" customWidth="1"/>
    <col min="12299" max="12524" width="8.625" style="4" customWidth="1"/>
    <col min="12525" max="12543" width="8.625" style="4"/>
    <col min="12544" max="12544" width="3.75" style="4" customWidth="1"/>
    <col min="12545" max="12545" width="12.5" style="4" customWidth="1"/>
    <col min="12546" max="12546" width="23.75" style="4" customWidth="1"/>
    <col min="12547" max="12547" width="17.5" style="4" customWidth="1"/>
    <col min="12548" max="12550" width="12.5" style="4" customWidth="1"/>
    <col min="12551" max="12551" width="6.25" style="4" customWidth="1"/>
    <col min="12552" max="12552" width="9.375" style="4" customWidth="1"/>
    <col min="12553" max="12553" width="3.25" style="4" bestFit="1" customWidth="1"/>
    <col min="12554" max="12554" width="7.375" style="4" bestFit="1" customWidth="1"/>
    <col min="12555" max="12780" width="8.625" style="4" customWidth="1"/>
    <col min="12781" max="12799" width="8.625" style="4"/>
    <col min="12800" max="12800" width="3.75" style="4" customWidth="1"/>
    <col min="12801" max="12801" width="12.5" style="4" customWidth="1"/>
    <col min="12802" max="12802" width="23.75" style="4" customWidth="1"/>
    <col min="12803" max="12803" width="17.5" style="4" customWidth="1"/>
    <col min="12804" max="12806" width="12.5" style="4" customWidth="1"/>
    <col min="12807" max="12807" width="6.25" style="4" customWidth="1"/>
    <col min="12808" max="12808" width="9.375" style="4" customWidth="1"/>
    <col min="12809" max="12809" width="3.25" style="4" bestFit="1" customWidth="1"/>
    <col min="12810" max="12810" width="7.375" style="4" bestFit="1" customWidth="1"/>
    <col min="12811" max="13036" width="8.625" style="4" customWidth="1"/>
    <col min="13037" max="13055" width="8.625" style="4"/>
    <col min="13056" max="13056" width="3.75" style="4" customWidth="1"/>
    <col min="13057" max="13057" width="12.5" style="4" customWidth="1"/>
    <col min="13058" max="13058" width="23.75" style="4" customWidth="1"/>
    <col min="13059" max="13059" width="17.5" style="4" customWidth="1"/>
    <col min="13060" max="13062" width="12.5" style="4" customWidth="1"/>
    <col min="13063" max="13063" width="6.25" style="4" customWidth="1"/>
    <col min="13064" max="13064" width="9.375" style="4" customWidth="1"/>
    <col min="13065" max="13065" width="3.25" style="4" bestFit="1" customWidth="1"/>
    <col min="13066" max="13066" width="7.375" style="4" bestFit="1" customWidth="1"/>
    <col min="13067" max="13292" width="8.625" style="4" customWidth="1"/>
    <col min="13293" max="13311" width="8.625" style="4"/>
    <col min="13312" max="13312" width="3.75" style="4" customWidth="1"/>
    <col min="13313" max="13313" width="12.5" style="4" customWidth="1"/>
    <col min="13314" max="13314" width="23.75" style="4" customWidth="1"/>
    <col min="13315" max="13315" width="17.5" style="4" customWidth="1"/>
    <col min="13316" max="13318" width="12.5" style="4" customWidth="1"/>
    <col min="13319" max="13319" width="6.25" style="4" customWidth="1"/>
    <col min="13320" max="13320" width="9.375" style="4" customWidth="1"/>
    <col min="13321" max="13321" width="3.25" style="4" bestFit="1" customWidth="1"/>
    <col min="13322" max="13322" width="7.375" style="4" bestFit="1" customWidth="1"/>
    <col min="13323" max="13548" width="8.625" style="4" customWidth="1"/>
    <col min="13549" max="13567" width="8.625" style="4"/>
    <col min="13568" max="13568" width="3.75" style="4" customWidth="1"/>
    <col min="13569" max="13569" width="12.5" style="4" customWidth="1"/>
    <col min="13570" max="13570" width="23.75" style="4" customWidth="1"/>
    <col min="13571" max="13571" width="17.5" style="4" customWidth="1"/>
    <col min="13572" max="13574" width="12.5" style="4" customWidth="1"/>
    <col min="13575" max="13575" width="6.25" style="4" customWidth="1"/>
    <col min="13576" max="13576" width="9.375" style="4" customWidth="1"/>
    <col min="13577" max="13577" width="3.25" style="4" bestFit="1" customWidth="1"/>
    <col min="13578" max="13578" width="7.375" style="4" bestFit="1" customWidth="1"/>
    <col min="13579" max="13804" width="8.625" style="4" customWidth="1"/>
    <col min="13805" max="13823" width="8.625" style="4"/>
    <col min="13824" max="13824" width="3.75" style="4" customWidth="1"/>
    <col min="13825" max="13825" width="12.5" style="4" customWidth="1"/>
    <col min="13826" max="13826" width="23.75" style="4" customWidth="1"/>
    <col min="13827" max="13827" width="17.5" style="4" customWidth="1"/>
    <col min="13828" max="13830" width="12.5" style="4" customWidth="1"/>
    <col min="13831" max="13831" width="6.25" style="4" customWidth="1"/>
    <col min="13832" max="13832" width="9.375" style="4" customWidth="1"/>
    <col min="13833" max="13833" width="3.25" style="4" bestFit="1" customWidth="1"/>
    <col min="13834" max="13834" width="7.375" style="4" bestFit="1" customWidth="1"/>
    <col min="13835" max="14060" width="8.625" style="4" customWidth="1"/>
    <col min="14061" max="14079" width="8.625" style="4"/>
    <col min="14080" max="14080" width="3.75" style="4" customWidth="1"/>
    <col min="14081" max="14081" width="12.5" style="4" customWidth="1"/>
    <col min="14082" max="14082" width="23.75" style="4" customWidth="1"/>
    <col min="14083" max="14083" width="17.5" style="4" customWidth="1"/>
    <col min="14084" max="14086" width="12.5" style="4" customWidth="1"/>
    <col min="14087" max="14087" width="6.25" style="4" customWidth="1"/>
    <col min="14088" max="14088" width="9.375" style="4" customWidth="1"/>
    <col min="14089" max="14089" width="3.25" style="4" bestFit="1" customWidth="1"/>
    <col min="14090" max="14090" width="7.375" style="4" bestFit="1" customWidth="1"/>
    <col min="14091" max="14316" width="8.625" style="4" customWidth="1"/>
    <col min="14317" max="14335" width="8.625" style="4"/>
    <col min="14336" max="14336" width="3.75" style="4" customWidth="1"/>
    <col min="14337" max="14337" width="12.5" style="4" customWidth="1"/>
    <col min="14338" max="14338" width="23.75" style="4" customWidth="1"/>
    <col min="14339" max="14339" width="17.5" style="4" customWidth="1"/>
    <col min="14340" max="14342" width="12.5" style="4" customWidth="1"/>
    <col min="14343" max="14343" width="6.25" style="4" customWidth="1"/>
    <col min="14344" max="14344" width="9.375" style="4" customWidth="1"/>
    <col min="14345" max="14345" width="3.25" style="4" bestFit="1" customWidth="1"/>
    <col min="14346" max="14346" width="7.375" style="4" bestFit="1" customWidth="1"/>
    <col min="14347" max="14572" width="8.625" style="4" customWidth="1"/>
    <col min="14573" max="14591" width="8.625" style="4"/>
    <col min="14592" max="14592" width="3.75" style="4" customWidth="1"/>
    <col min="14593" max="14593" width="12.5" style="4" customWidth="1"/>
    <col min="14594" max="14594" width="23.75" style="4" customWidth="1"/>
    <col min="14595" max="14595" width="17.5" style="4" customWidth="1"/>
    <col min="14596" max="14598" width="12.5" style="4" customWidth="1"/>
    <col min="14599" max="14599" width="6.25" style="4" customWidth="1"/>
    <col min="14600" max="14600" width="9.375" style="4" customWidth="1"/>
    <col min="14601" max="14601" width="3.25" style="4" bestFit="1" customWidth="1"/>
    <col min="14602" max="14602" width="7.375" style="4" bestFit="1" customWidth="1"/>
    <col min="14603" max="14828" width="8.625" style="4" customWidth="1"/>
    <col min="14829" max="14847" width="8.625" style="4"/>
    <col min="14848" max="14848" width="3.75" style="4" customWidth="1"/>
    <col min="14849" max="14849" width="12.5" style="4" customWidth="1"/>
    <col min="14850" max="14850" width="23.75" style="4" customWidth="1"/>
    <col min="14851" max="14851" width="17.5" style="4" customWidth="1"/>
    <col min="14852" max="14854" width="12.5" style="4" customWidth="1"/>
    <col min="14855" max="14855" width="6.25" style="4" customWidth="1"/>
    <col min="14856" max="14856" width="9.375" style="4" customWidth="1"/>
    <col min="14857" max="14857" width="3.25" style="4" bestFit="1" customWidth="1"/>
    <col min="14858" max="14858" width="7.375" style="4" bestFit="1" customWidth="1"/>
    <col min="14859" max="15084" width="8.625" style="4" customWidth="1"/>
    <col min="15085" max="15103" width="8.625" style="4"/>
    <col min="15104" max="15104" width="3.75" style="4" customWidth="1"/>
    <col min="15105" max="15105" width="12.5" style="4" customWidth="1"/>
    <col min="15106" max="15106" width="23.75" style="4" customWidth="1"/>
    <col min="15107" max="15107" width="17.5" style="4" customWidth="1"/>
    <col min="15108" max="15110" width="12.5" style="4" customWidth="1"/>
    <col min="15111" max="15111" width="6.25" style="4" customWidth="1"/>
    <col min="15112" max="15112" width="9.375" style="4" customWidth="1"/>
    <col min="15113" max="15113" width="3.25" style="4" bestFit="1" customWidth="1"/>
    <col min="15114" max="15114" width="7.375" style="4" bestFit="1" customWidth="1"/>
    <col min="15115" max="15340" width="8.625" style="4" customWidth="1"/>
    <col min="15341" max="15359" width="8.625" style="4"/>
    <col min="15360" max="15360" width="3.75" style="4" customWidth="1"/>
    <col min="15361" max="15361" width="12.5" style="4" customWidth="1"/>
    <col min="15362" max="15362" width="23.75" style="4" customWidth="1"/>
    <col min="15363" max="15363" width="17.5" style="4" customWidth="1"/>
    <col min="15364" max="15366" width="12.5" style="4" customWidth="1"/>
    <col min="15367" max="15367" width="6.25" style="4" customWidth="1"/>
    <col min="15368" max="15368" width="9.375" style="4" customWidth="1"/>
    <col min="15369" max="15369" width="3.25" style="4" bestFit="1" customWidth="1"/>
    <col min="15370" max="15370" width="7.375" style="4" bestFit="1" customWidth="1"/>
    <col min="15371" max="15596" width="8.625" style="4" customWidth="1"/>
    <col min="15597" max="15615" width="8.625" style="4"/>
    <col min="15616" max="15616" width="3.75" style="4" customWidth="1"/>
    <col min="15617" max="15617" width="12.5" style="4" customWidth="1"/>
    <col min="15618" max="15618" width="23.75" style="4" customWidth="1"/>
    <col min="15619" max="15619" width="17.5" style="4" customWidth="1"/>
    <col min="15620" max="15622" width="12.5" style="4" customWidth="1"/>
    <col min="15623" max="15623" width="6.25" style="4" customWidth="1"/>
    <col min="15624" max="15624" width="9.375" style="4" customWidth="1"/>
    <col min="15625" max="15625" width="3.25" style="4" bestFit="1" customWidth="1"/>
    <col min="15626" max="15626" width="7.375" style="4" bestFit="1" customWidth="1"/>
    <col min="15627" max="15852" width="8.625" style="4" customWidth="1"/>
    <col min="15853" max="15871" width="8.625" style="4"/>
    <col min="15872" max="15872" width="3.75" style="4" customWidth="1"/>
    <col min="15873" max="15873" width="12.5" style="4" customWidth="1"/>
    <col min="15874" max="15874" width="23.75" style="4" customWidth="1"/>
    <col min="15875" max="15875" width="17.5" style="4" customWidth="1"/>
    <col min="15876" max="15878" width="12.5" style="4" customWidth="1"/>
    <col min="15879" max="15879" width="6.25" style="4" customWidth="1"/>
    <col min="15880" max="15880" width="9.375" style="4" customWidth="1"/>
    <col min="15881" max="15881" width="3.25" style="4" bestFit="1" customWidth="1"/>
    <col min="15882" max="15882" width="7.375" style="4" bestFit="1" customWidth="1"/>
    <col min="15883" max="16108" width="8.625" style="4" customWidth="1"/>
    <col min="16109" max="16127" width="8.625" style="4"/>
    <col min="16128" max="16128" width="3.75" style="4" customWidth="1"/>
    <col min="16129" max="16129" width="12.5" style="4" customWidth="1"/>
    <col min="16130" max="16130" width="23.75" style="4" customWidth="1"/>
    <col min="16131" max="16131" width="17.5" style="4" customWidth="1"/>
    <col min="16132" max="16134" width="12.5" style="4" customWidth="1"/>
    <col min="16135" max="16135" width="6.25" style="4" customWidth="1"/>
    <col min="16136" max="16136" width="9.375" style="4" customWidth="1"/>
    <col min="16137" max="16137" width="3.25" style="4" bestFit="1" customWidth="1"/>
    <col min="16138" max="16138" width="7.375" style="4" bestFit="1" customWidth="1"/>
    <col min="16139" max="16364" width="8.625" style="4" customWidth="1"/>
    <col min="16365" max="16384" width="8.625" style="4"/>
  </cols>
  <sheetData>
    <row r="1" spans="1:79" ht="18" customHeight="1">
      <c r="A1" s="1" t="s">
        <v>0</v>
      </c>
      <c r="G1" s="52" t="s">
        <v>1</v>
      </c>
      <c r="H1" s="52"/>
    </row>
    <row r="2" spans="1:79" ht="15" customHeight="1"/>
    <row r="3" spans="1:79" ht="18" customHeight="1">
      <c r="A3" s="5" t="s">
        <v>2</v>
      </c>
      <c r="B3" s="4"/>
      <c r="C3" s="4"/>
      <c r="F3" s="5" t="s">
        <v>3</v>
      </c>
      <c r="G3" s="5"/>
    </row>
    <row r="4" spans="1:79" ht="10.5" customHeight="1">
      <c r="B4" s="4"/>
      <c r="C4" s="4"/>
      <c r="D4" s="5"/>
      <c r="E4" s="5"/>
      <c r="F4" s="4"/>
    </row>
    <row r="5" spans="1:79" ht="27" customHeight="1" thickBot="1">
      <c r="B5" s="53" t="s">
        <v>4</v>
      </c>
      <c r="C5" s="53"/>
      <c r="D5" s="53"/>
      <c r="E5" s="53"/>
      <c r="F5" s="6"/>
      <c r="H5" s="7" t="s">
        <v>5</v>
      </c>
    </row>
    <row r="6" spans="1:79" ht="15" customHeight="1">
      <c r="A6" s="54" t="s">
        <v>6</v>
      </c>
      <c r="B6" s="56" t="s">
        <v>7</v>
      </c>
      <c r="C6" s="8" t="s">
        <v>8</v>
      </c>
      <c r="D6" s="9" t="s">
        <v>9</v>
      </c>
      <c r="E6" s="9" t="s">
        <v>9</v>
      </c>
      <c r="F6" s="8" t="s">
        <v>10</v>
      </c>
      <c r="G6" s="58" t="s">
        <v>11</v>
      </c>
      <c r="H6" s="59"/>
    </row>
    <row r="7" spans="1:79" ht="15" customHeight="1">
      <c r="A7" s="55"/>
      <c r="B7" s="57"/>
      <c r="C7" s="10" t="s">
        <v>12</v>
      </c>
      <c r="D7" s="11" t="s">
        <v>13</v>
      </c>
      <c r="E7" s="11" t="s">
        <v>14</v>
      </c>
      <c r="F7" s="11" t="s">
        <v>15</v>
      </c>
      <c r="G7" s="60"/>
      <c r="H7" s="61"/>
    </row>
    <row r="8" spans="1:79" ht="15" customHeight="1">
      <c r="A8" s="62" t="s">
        <v>16</v>
      </c>
      <c r="B8" s="38" t="s">
        <v>17</v>
      </c>
      <c r="C8" s="12">
        <v>1119541</v>
      </c>
      <c r="D8" s="12">
        <v>1081714</v>
      </c>
      <c r="E8" s="12"/>
      <c r="F8" s="13">
        <f t="shared" ref="F8:F43" si="0">+D8-C8</f>
        <v>-37827</v>
      </c>
      <c r="G8" s="40" t="s">
        <v>18</v>
      </c>
      <c r="H8" s="14"/>
      <c r="I8" s="15" t="s">
        <v>19</v>
      </c>
      <c r="J8" s="15" t="s">
        <v>20</v>
      </c>
      <c r="K8" s="15"/>
      <c r="L8" s="15"/>
      <c r="M8" s="15"/>
      <c r="N8" s="15"/>
      <c r="O8" s="15"/>
      <c r="P8" s="15"/>
      <c r="Q8" s="15"/>
      <c r="R8" s="15"/>
      <c r="S8" s="15"/>
      <c r="T8" s="15"/>
      <c r="U8" s="15"/>
      <c r="V8" s="15"/>
      <c r="W8" s="15"/>
      <c r="X8" s="15"/>
      <c r="Y8" s="15"/>
      <c r="Z8" s="15"/>
      <c r="AA8" s="15"/>
      <c r="AB8" s="15"/>
      <c r="AC8" s="15"/>
      <c r="AD8" s="15"/>
      <c r="AE8" s="15"/>
      <c r="AF8" s="15"/>
      <c r="AG8" s="15"/>
      <c r="AH8" s="15"/>
      <c r="AI8" s="15"/>
      <c r="AJ8" s="15"/>
      <c r="AK8" s="15"/>
      <c r="AL8" s="15"/>
      <c r="AM8" s="15"/>
      <c r="AN8" s="15"/>
      <c r="AO8" s="15"/>
      <c r="AP8" s="15"/>
      <c r="AQ8" s="15"/>
      <c r="AR8" s="15"/>
      <c r="AS8" s="15"/>
    </row>
    <row r="9" spans="1:79" ht="15" customHeight="1">
      <c r="A9" s="63"/>
      <c r="B9" s="39"/>
      <c r="C9" s="16">
        <v>461092</v>
      </c>
      <c r="D9" s="16">
        <v>452785.26</v>
      </c>
      <c r="E9" s="16"/>
      <c r="F9" s="17">
        <f t="shared" si="0"/>
        <v>-8306.7399999999907</v>
      </c>
      <c r="G9" s="41"/>
      <c r="H9" s="18"/>
      <c r="I9" s="15" t="s">
        <v>21</v>
      </c>
      <c r="J9" s="15" t="s">
        <v>22</v>
      </c>
      <c r="K9" s="15"/>
      <c r="L9" s="15"/>
      <c r="M9" s="15"/>
      <c r="N9" s="15"/>
      <c r="O9" s="15"/>
      <c r="P9" s="15"/>
      <c r="Q9" s="15"/>
      <c r="R9" s="15"/>
      <c r="S9" s="15"/>
      <c r="T9" s="15"/>
      <c r="U9" s="15"/>
      <c r="V9" s="15"/>
      <c r="W9" s="15"/>
      <c r="X9" s="15"/>
      <c r="Y9" s="15"/>
      <c r="Z9" s="15"/>
      <c r="AA9" s="15"/>
      <c r="AB9" s="15"/>
      <c r="AC9" s="15"/>
      <c r="AD9" s="15"/>
      <c r="AE9" s="15"/>
      <c r="AF9" s="15"/>
      <c r="AG9" s="15"/>
      <c r="AH9" s="15"/>
      <c r="AI9" s="15"/>
      <c r="AJ9" s="15"/>
      <c r="AK9" s="15"/>
      <c r="AL9" s="15"/>
      <c r="AM9" s="15"/>
      <c r="AN9" s="15"/>
      <c r="AO9" s="15"/>
      <c r="AP9" s="15"/>
      <c r="AQ9" s="15"/>
      <c r="AR9" s="15"/>
      <c r="AS9" s="15"/>
    </row>
    <row r="10" spans="1:79" ht="15" customHeight="1">
      <c r="A10" s="62" t="s">
        <v>23</v>
      </c>
      <c r="B10" s="38" t="s">
        <v>17</v>
      </c>
      <c r="C10" s="12">
        <v>159059</v>
      </c>
      <c r="D10" s="12">
        <v>158059</v>
      </c>
      <c r="E10" s="12"/>
      <c r="F10" s="13">
        <f t="shared" si="0"/>
        <v>-1000</v>
      </c>
      <c r="G10" s="40" t="s">
        <v>18</v>
      </c>
      <c r="H10" s="14"/>
      <c r="I10" s="15" t="s">
        <v>19</v>
      </c>
      <c r="J10" s="15" t="s">
        <v>20</v>
      </c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15"/>
      <c r="AO10" s="15"/>
      <c r="AP10" s="15"/>
      <c r="AQ10" s="15"/>
      <c r="AR10" s="15"/>
      <c r="AS10" s="15"/>
      <c r="AU10" s="15"/>
      <c r="AV10" s="15"/>
      <c r="AW10" s="15"/>
      <c r="AX10" s="15"/>
      <c r="AY10" s="15"/>
      <c r="AZ10" s="15"/>
      <c r="BA10" s="15"/>
      <c r="BB10" s="15"/>
      <c r="BC10" s="15"/>
      <c r="BD10" s="15"/>
      <c r="BE10" s="15"/>
      <c r="BF10" s="15"/>
      <c r="BG10" s="15"/>
      <c r="BH10" s="15"/>
      <c r="BI10" s="15"/>
      <c r="BJ10" s="15"/>
      <c r="BK10" s="15"/>
      <c r="BL10" s="15"/>
      <c r="BM10" s="15"/>
      <c r="BN10" s="15"/>
      <c r="BO10" s="15"/>
      <c r="BP10" s="15"/>
      <c r="BQ10" s="15"/>
      <c r="BR10" s="15"/>
      <c r="BS10" s="15"/>
      <c r="BT10" s="15"/>
      <c r="BU10" s="15"/>
      <c r="BV10" s="15"/>
      <c r="BW10" s="15"/>
      <c r="BX10" s="15"/>
      <c r="BY10" s="15"/>
      <c r="BZ10" s="15"/>
      <c r="CA10" s="15"/>
    </row>
    <row r="11" spans="1:79" ht="15" customHeight="1">
      <c r="A11" s="63"/>
      <c r="B11" s="39"/>
      <c r="C11" s="16">
        <v>0</v>
      </c>
      <c r="D11" s="19">
        <v>0</v>
      </c>
      <c r="E11" s="16"/>
      <c r="F11" s="17">
        <f t="shared" si="0"/>
        <v>0</v>
      </c>
      <c r="G11" s="41"/>
      <c r="H11" s="18"/>
      <c r="I11" s="15" t="s">
        <v>21</v>
      </c>
      <c r="J11" s="15" t="s">
        <v>22</v>
      </c>
      <c r="K11" s="15"/>
      <c r="L11" s="15"/>
      <c r="M11" s="15"/>
      <c r="N11" s="15"/>
      <c r="O11" s="15"/>
      <c r="P11" s="15"/>
      <c r="Q11" s="15"/>
      <c r="R11" s="15"/>
      <c r="S11" s="15"/>
      <c r="T11" s="15"/>
      <c r="U11" s="15"/>
      <c r="V11" s="15"/>
      <c r="W11" s="15"/>
      <c r="X11" s="15"/>
      <c r="Y11" s="15"/>
      <c r="Z11" s="15"/>
      <c r="AA11" s="15"/>
      <c r="AB11" s="15"/>
      <c r="AC11" s="15"/>
      <c r="AD11" s="15"/>
      <c r="AE11" s="15"/>
      <c r="AF11" s="15"/>
      <c r="AG11" s="15"/>
      <c r="AH11" s="15"/>
      <c r="AI11" s="15"/>
      <c r="AJ11" s="15"/>
      <c r="AK11" s="15"/>
      <c r="AL11" s="15"/>
      <c r="AM11" s="15"/>
      <c r="AN11" s="15"/>
      <c r="AO11" s="15"/>
      <c r="AP11" s="15"/>
      <c r="AQ11" s="15"/>
      <c r="AR11" s="15"/>
      <c r="AS11" s="15"/>
      <c r="AU11" s="15"/>
      <c r="AV11" s="15"/>
      <c r="AW11" s="15"/>
      <c r="AX11" s="15"/>
      <c r="AY11" s="15"/>
      <c r="AZ11" s="15"/>
      <c r="BA11" s="15"/>
      <c r="BB11" s="15"/>
      <c r="BC11" s="15"/>
      <c r="BD11" s="15"/>
      <c r="BE11" s="15"/>
      <c r="BF11" s="15"/>
      <c r="BG11" s="15"/>
      <c r="BH11" s="15"/>
      <c r="BI11" s="15"/>
      <c r="BJ11" s="15"/>
      <c r="BK11" s="15"/>
      <c r="BL11" s="15"/>
      <c r="BM11" s="15"/>
      <c r="BN11" s="15"/>
      <c r="BO11" s="15"/>
      <c r="BP11" s="15"/>
      <c r="BQ11" s="15"/>
      <c r="BR11" s="15"/>
      <c r="BS11" s="15"/>
      <c r="BT11" s="15"/>
      <c r="BU11" s="15"/>
      <c r="BV11" s="15"/>
      <c r="BW11" s="15"/>
      <c r="BX11" s="15"/>
      <c r="BY11" s="15"/>
      <c r="BZ11" s="15"/>
      <c r="CA11" s="15"/>
    </row>
    <row r="12" spans="1:79" ht="15" customHeight="1">
      <c r="A12" s="36" t="s">
        <v>24</v>
      </c>
      <c r="B12" s="38" t="s">
        <v>25</v>
      </c>
      <c r="C12" s="12">
        <v>53568</v>
      </c>
      <c r="D12" s="20">
        <v>0</v>
      </c>
      <c r="E12" s="12"/>
      <c r="F12" s="13">
        <f t="shared" si="0"/>
        <v>-53568</v>
      </c>
      <c r="G12" s="21"/>
      <c r="H12" s="22"/>
      <c r="I12" s="15"/>
      <c r="J12" s="15"/>
      <c r="K12" s="15"/>
      <c r="L12" s="15"/>
      <c r="M12" s="15"/>
      <c r="N12" s="15"/>
      <c r="O12" s="15"/>
      <c r="P12" s="15"/>
      <c r="Q12" s="15"/>
      <c r="R12" s="15"/>
      <c r="S12" s="15"/>
      <c r="T12" s="15"/>
      <c r="U12" s="15"/>
      <c r="V12" s="15"/>
      <c r="W12" s="15"/>
      <c r="X12" s="15"/>
      <c r="Y12" s="15"/>
      <c r="Z12" s="15"/>
      <c r="AA12" s="15"/>
      <c r="AB12" s="15"/>
      <c r="AC12" s="15"/>
      <c r="AD12" s="15"/>
      <c r="AE12" s="15"/>
      <c r="AF12" s="15"/>
      <c r="AG12" s="15"/>
      <c r="AH12" s="15"/>
      <c r="AI12" s="15"/>
      <c r="AJ12" s="15"/>
      <c r="AK12" s="15"/>
      <c r="AL12" s="15"/>
      <c r="AM12" s="15"/>
      <c r="AN12" s="15"/>
      <c r="AO12" s="15"/>
      <c r="AP12" s="15"/>
      <c r="AQ12" s="15"/>
      <c r="AR12" s="15"/>
      <c r="AS12" s="15"/>
      <c r="AU12" s="15"/>
      <c r="AV12" s="15"/>
      <c r="AW12" s="15"/>
      <c r="AX12" s="15"/>
      <c r="AY12" s="15"/>
      <c r="AZ12" s="15"/>
      <c r="BA12" s="15"/>
      <c r="BB12" s="15"/>
      <c r="BC12" s="15"/>
      <c r="BD12" s="15"/>
      <c r="BE12" s="15"/>
      <c r="BF12" s="15"/>
      <c r="BG12" s="15"/>
      <c r="BH12" s="15"/>
      <c r="BI12" s="15"/>
      <c r="BJ12" s="15"/>
      <c r="BK12" s="15"/>
      <c r="BL12" s="15"/>
      <c r="BM12" s="15"/>
      <c r="BN12" s="15"/>
      <c r="BO12" s="15"/>
      <c r="BP12" s="15"/>
      <c r="BQ12" s="15"/>
      <c r="BR12" s="15"/>
      <c r="BS12" s="15"/>
      <c r="BT12" s="15"/>
      <c r="BU12" s="15"/>
      <c r="BV12" s="15"/>
      <c r="BW12" s="15"/>
      <c r="BX12" s="15"/>
      <c r="BY12" s="15"/>
      <c r="BZ12" s="15"/>
      <c r="CA12" s="15"/>
    </row>
    <row r="13" spans="1:79" ht="15" customHeight="1">
      <c r="A13" s="37"/>
      <c r="B13" s="39"/>
      <c r="C13" s="16">
        <v>53568</v>
      </c>
      <c r="D13" s="16">
        <v>0</v>
      </c>
      <c r="E13" s="17"/>
      <c r="F13" s="17">
        <f t="shared" si="0"/>
        <v>-53568</v>
      </c>
      <c r="G13" s="23"/>
      <c r="H13" s="24"/>
      <c r="I13" s="15"/>
      <c r="J13" s="15"/>
      <c r="K13" s="15"/>
      <c r="L13" s="15"/>
      <c r="M13" s="15"/>
      <c r="N13" s="15"/>
      <c r="O13" s="15"/>
      <c r="P13" s="15"/>
      <c r="Q13" s="15"/>
      <c r="R13" s="15"/>
      <c r="S13" s="15"/>
      <c r="T13" s="15"/>
      <c r="U13" s="15"/>
      <c r="V13" s="15"/>
      <c r="W13" s="15"/>
      <c r="X13" s="15"/>
      <c r="Y13" s="15"/>
      <c r="Z13" s="15"/>
      <c r="AA13" s="15"/>
      <c r="AB13" s="15"/>
      <c r="AC13" s="15"/>
      <c r="AD13" s="15"/>
      <c r="AE13" s="15"/>
      <c r="AF13" s="15"/>
      <c r="AG13" s="15"/>
      <c r="AH13" s="15"/>
      <c r="AI13" s="15"/>
      <c r="AJ13" s="15"/>
      <c r="AK13" s="15"/>
      <c r="AL13" s="15"/>
      <c r="AM13" s="15"/>
      <c r="AN13" s="15"/>
      <c r="AO13" s="15"/>
      <c r="AP13" s="15"/>
      <c r="AQ13" s="15"/>
      <c r="AR13" s="15"/>
      <c r="AS13" s="15"/>
      <c r="AU13" s="15"/>
      <c r="AV13" s="15"/>
      <c r="AW13" s="15"/>
      <c r="AX13" s="15"/>
      <c r="AY13" s="15"/>
      <c r="AZ13" s="15"/>
      <c r="BA13" s="15"/>
      <c r="BB13" s="15"/>
      <c r="BC13" s="15"/>
      <c r="BD13" s="15"/>
      <c r="BE13" s="15"/>
      <c r="BF13" s="15"/>
      <c r="BG13" s="15"/>
      <c r="BH13" s="15"/>
      <c r="BI13" s="15"/>
      <c r="BJ13" s="15"/>
      <c r="BK13" s="15"/>
      <c r="BL13" s="15"/>
      <c r="BM13" s="15"/>
      <c r="BN13" s="15"/>
      <c r="BO13" s="15"/>
      <c r="BP13" s="15"/>
      <c r="BQ13" s="15"/>
      <c r="BR13" s="15"/>
      <c r="BS13" s="15"/>
      <c r="BT13" s="15"/>
      <c r="BU13" s="15"/>
      <c r="BV13" s="15"/>
      <c r="BW13" s="15"/>
      <c r="BX13" s="15"/>
      <c r="BY13" s="15"/>
      <c r="BZ13" s="15"/>
      <c r="CA13" s="15"/>
    </row>
    <row r="14" spans="1:79" ht="15" customHeight="1">
      <c r="A14" s="50" t="s">
        <v>26</v>
      </c>
      <c r="B14" s="38" t="s">
        <v>25</v>
      </c>
      <c r="C14" s="20">
        <v>39014</v>
      </c>
      <c r="D14" s="20">
        <v>0</v>
      </c>
      <c r="E14" s="12"/>
      <c r="F14" s="13">
        <f t="shared" si="0"/>
        <v>-39014</v>
      </c>
      <c r="G14" s="25"/>
      <c r="H14" s="26"/>
      <c r="I14" s="15"/>
      <c r="J14" s="15"/>
      <c r="K14" s="15"/>
      <c r="L14" s="15"/>
      <c r="M14" s="15"/>
      <c r="N14" s="15"/>
      <c r="O14" s="15"/>
      <c r="P14" s="15"/>
      <c r="Q14" s="15"/>
      <c r="R14" s="15"/>
      <c r="S14" s="15"/>
      <c r="T14" s="15"/>
      <c r="U14" s="15"/>
      <c r="V14" s="15"/>
      <c r="W14" s="15"/>
      <c r="X14" s="15"/>
      <c r="Y14" s="15"/>
      <c r="Z14" s="15"/>
      <c r="AA14" s="15"/>
      <c r="AB14" s="15"/>
      <c r="AC14" s="15"/>
      <c r="AD14" s="15"/>
      <c r="AE14" s="15"/>
      <c r="AF14" s="15"/>
      <c r="AG14" s="15"/>
      <c r="AH14" s="15"/>
      <c r="AI14" s="15"/>
      <c r="AJ14" s="15"/>
      <c r="AK14" s="15"/>
      <c r="AL14" s="15"/>
      <c r="AM14" s="15"/>
      <c r="AN14" s="15"/>
      <c r="AO14" s="15"/>
      <c r="AP14" s="15"/>
      <c r="AQ14" s="15"/>
      <c r="AR14" s="15"/>
      <c r="AS14" s="15"/>
      <c r="AU14" s="15"/>
      <c r="AV14" s="15"/>
      <c r="AW14" s="15"/>
      <c r="AX14" s="15"/>
      <c r="AY14" s="15"/>
      <c r="AZ14" s="15"/>
      <c r="BA14" s="15"/>
      <c r="BB14" s="15"/>
      <c r="BC14" s="15"/>
      <c r="BD14" s="15"/>
      <c r="BE14" s="15"/>
      <c r="BF14" s="15"/>
      <c r="BG14" s="15"/>
      <c r="BH14" s="15"/>
      <c r="BI14" s="15"/>
      <c r="BJ14" s="15"/>
      <c r="BK14" s="15"/>
      <c r="BL14" s="15"/>
      <c r="BM14" s="15"/>
      <c r="BN14" s="15"/>
      <c r="BO14" s="15"/>
      <c r="BP14" s="15"/>
      <c r="BQ14" s="15"/>
      <c r="BR14" s="15"/>
      <c r="BS14" s="15"/>
      <c r="BT14" s="15"/>
      <c r="BU14" s="15"/>
      <c r="BV14" s="15"/>
      <c r="BW14" s="15"/>
      <c r="BX14" s="15"/>
      <c r="BY14" s="15"/>
      <c r="BZ14" s="15"/>
      <c r="CA14" s="15"/>
    </row>
    <row r="15" spans="1:79" ht="15" customHeight="1">
      <c r="A15" s="51"/>
      <c r="B15" s="39"/>
      <c r="C15" s="16">
        <v>35241</v>
      </c>
      <c r="D15" s="16">
        <v>0</v>
      </c>
      <c r="E15" s="17"/>
      <c r="F15" s="17">
        <f t="shared" si="0"/>
        <v>-35241</v>
      </c>
      <c r="G15" s="25"/>
      <c r="H15" s="26"/>
      <c r="I15" s="15"/>
      <c r="J15" s="15"/>
      <c r="K15" s="15"/>
      <c r="L15" s="15"/>
      <c r="M15" s="15"/>
      <c r="N15" s="15"/>
      <c r="O15" s="15"/>
      <c r="P15" s="15"/>
      <c r="Q15" s="15"/>
      <c r="R15" s="15"/>
      <c r="S15" s="15"/>
      <c r="T15" s="15"/>
      <c r="U15" s="15"/>
      <c r="V15" s="15"/>
      <c r="W15" s="15"/>
      <c r="X15" s="15"/>
      <c r="Y15" s="15"/>
      <c r="Z15" s="15"/>
      <c r="AA15" s="15"/>
      <c r="AB15" s="15"/>
      <c r="AC15" s="15"/>
      <c r="AD15" s="15"/>
      <c r="AE15" s="15"/>
      <c r="AF15" s="15"/>
      <c r="AG15" s="15"/>
      <c r="AH15" s="15"/>
      <c r="AI15" s="15"/>
      <c r="AJ15" s="15"/>
      <c r="AK15" s="15"/>
      <c r="AL15" s="15"/>
      <c r="AM15" s="15"/>
      <c r="AN15" s="15"/>
      <c r="AO15" s="15"/>
      <c r="AP15" s="15"/>
      <c r="AQ15" s="15"/>
      <c r="AR15" s="15"/>
      <c r="AS15" s="15"/>
      <c r="AU15" s="15"/>
      <c r="AV15" s="15"/>
      <c r="AW15" s="15"/>
      <c r="AX15" s="15"/>
      <c r="AY15" s="15"/>
      <c r="AZ15" s="15"/>
      <c r="BA15" s="15"/>
      <c r="BB15" s="15"/>
      <c r="BC15" s="15"/>
      <c r="BD15" s="15"/>
      <c r="BE15" s="15"/>
      <c r="BF15" s="15"/>
      <c r="BG15" s="15"/>
      <c r="BH15" s="15"/>
      <c r="BI15" s="15"/>
      <c r="BJ15" s="15"/>
      <c r="BK15" s="15"/>
      <c r="BL15" s="15"/>
      <c r="BM15" s="15"/>
      <c r="BN15" s="15"/>
      <c r="BO15" s="15"/>
      <c r="BP15" s="15"/>
      <c r="BQ15" s="15"/>
      <c r="BR15" s="15"/>
      <c r="BS15" s="15"/>
      <c r="BT15" s="15"/>
      <c r="BU15" s="15"/>
      <c r="BV15" s="15"/>
      <c r="BW15" s="15"/>
      <c r="BX15" s="15"/>
      <c r="BY15" s="15"/>
      <c r="BZ15" s="15"/>
      <c r="CA15" s="15"/>
    </row>
    <row r="16" spans="1:79" ht="15" customHeight="1">
      <c r="A16" s="64" t="s">
        <v>27</v>
      </c>
      <c r="B16" s="48" t="s">
        <v>17</v>
      </c>
      <c r="C16" s="12">
        <v>62667</v>
      </c>
      <c r="D16" s="12">
        <v>62667</v>
      </c>
      <c r="E16" s="12"/>
      <c r="F16" s="27">
        <f t="shared" si="0"/>
        <v>0</v>
      </c>
      <c r="G16" s="49" t="s">
        <v>18</v>
      </c>
      <c r="H16" s="28"/>
    </row>
    <row r="17" spans="1:8" ht="15" customHeight="1">
      <c r="A17" s="63"/>
      <c r="B17" s="39"/>
      <c r="C17" s="16">
        <v>31333</v>
      </c>
      <c r="D17" s="16">
        <v>31333</v>
      </c>
      <c r="E17" s="16"/>
      <c r="F17" s="17">
        <f t="shared" si="0"/>
        <v>0</v>
      </c>
      <c r="G17" s="41"/>
      <c r="H17" s="18"/>
    </row>
    <row r="18" spans="1:8" ht="15" customHeight="1">
      <c r="A18" s="64" t="s">
        <v>30</v>
      </c>
      <c r="B18" s="48" t="s">
        <v>17</v>
      </c>
      <c r="C18" s="12">
        <v>0</v>
      </c>
      <c r="D18" s="12">
        <v>1745</v>
      </c>
      <c r="E18" s="12"/>
      <c r="F18" s="27">
        <f t="shared" si="0"/>
        <v>1745</v>
      </c>
      <c r="G18" s="49" t="s">
        <v>18</v>
      </c>
      <c r="H18" s="28"/>
    </row>
    <row r="19" spans="1:8" ht="15" customHeight="1">
      <c r="A19" s="63"/>
      <c r="B19" s="39"/>
      <c r="C19" s="16">
        <v>0</v>
      </c>
      <c r="D19" s="16">
        <v>0</v>
      </c>
      <c r="E19" s="16"/>
      <c r="F19" s="17">
        <f t="shared" si="0"/>
        <v>0</v>
      </c>
      <c r="G19" s="41"/>
      <c r="H19" s="18"/>
    </row>
    <row r="20" spans="1:8" ht="15" customHeight="1">
      <c r="A20" s="62" t="s">
        <v>28</v>
      </c>
      <c r="B20" s="38" t="s">
        <v>17</v>
      </c>
      <c r="C20" s="12">
        <v>1000</v>
      </c>
      <c r="D20" s="12">
        <v>1000</v>
      </c>
      <c r="E20" s="20"/>
      <c r="F20" s="13">
        <f t="shared" si="0"/>
        <v>0</v>
      </c>
      <c r="G20" s="40" t="s">
        <v>18</v>
      </c>
      <c r="H20" s="14"/>
    </row>
    <row r="21" spans="1:8" ht="15" customHeight="1">
      <c r="A21" s="63"/>
      <c r="B21" s="39"/>
      <c r="C21" s="19">
        <v>0</v>
      </c>
      <c r="D21" s="19">
        <v>0</v>
      </c>
      <c r="E21" s="19"/>
      <c r="F21" s="17">
        <f t="shared" si="0"/>
        <v>0</v>
      </c>
      <c r="G21" s="41"/>
      <c r="H21" s="18"/>
    </row>
    <row r="22" spans="1:8" ht="15" hidden="1" customHeight="1">
      <c r="A22" s="36"/>
      <c r="B22" s="38"/>
      <c r="C22" s="20"/>
      <c r="D22" s="20"/>
      <c r="E22" s="20"/>
      <c r="F22" s="13">
        <f t="shared" si="0"/>
        <v>0</v>
      </c>
      <c r="G22" s="40"/>
      <c r="H22" s="14"/>
    </row>
    <row r="23" spans="1:8" ht="15" hidden="1" customHeight="1">
      <c r="A23" s="37"/>
      <c r="B23" s="39"/>
      <c r="C23" s="16"/>
      <c r="D23" s="16"/>
      <c r="E23" s="16"/>
      <c r="F23" s="17">
        <f t="shared" si="0"/>
        <v>0</v>
      </c>
      <c r="G23" s="41"/>
      <c r="H23" s="18"/>
    </row>
    <row r="24" spans="1:8" ht="15" hidden="1" customHeight="1">
      <c r="A24" s="47"/>
      <c r="B24" s="38"/>
      <c r="C24" s="12"/>
      <c r="D24" s="12"/>
      <c r="E24" s="12"/>
      <c r="F24" s="13">
        <f t="shared" si="0"/>
        <v>0</v>
      </c>
      <c r="G24" s="40"/>
      <c r="H24" s="14"/>
    </row>
    <row r="25" spans="1:8" ht="15" hidden="1" customHeight="1">
      <c r="A25" s="47"/>
      <c r="B25" s="39"/>
      <c r="C25" s="19"/>
      <c r="D25" s="19"/>
      <c r="E25" s="19"/>
      <c r="F25" s="17">
        <f t="shared" si="0"/>
        <v>0</v>
      </c>
      <c r="G25" s="41"/>
      <c r="H25" s="18"/>
    </row>
    <row r="26" spans="1:8" ht="15" hidden="1" customHeight="1">
      <c r="A26" s="36"/>
      <c r="B26" s="38"/>
      <c r="C26" s="20"/>
      <c r="D26" s="20"/>
      <c r="E26" s="20"/>
      <c r="F26" s="13">
        <f t="shared" si="0"/>
        <v>0</v>
      </c>
      <c r="G26" s="40"/>
      <c r="H26" s="14"/>
    </row>
    <row r="27" spans="1:8" ht="15" hidden="1" customHeight="1">
      <c r="A27" s="37"/>
      <c r="B27" s="39"/>
      <c r="C27" s="16"/>
      <c r="D27" s="16"/>
      <c r="E27" s="16"/>
      <c r="F27" s="17">
        <f t="shared" si="0"/>
        <v>0</v>
      </c>
      <c r="G27" s="41"/>
      <c r="H27" s="18"/>
    </row>
    <row r="28" spans="1:8" ht="15" hidden="1" customHeight="1">
      <c r="A28" s="36"/>
      <c r="B28" s="38"/>
      <c r="C28" s="20"/>
      <c r="D28" s="20"/>
      <c r="E28" s="20"/>
      <c r="F28" s="13">
        <f t="shared" si="0"/>
        <v>0</v>
      </c>
      <c r="G28" s="40"/>
      <c r="H28" s="14"/>
    </row>
    <row r="29" spans="1:8" ht="15" hidden="1" customHeight="1">
      <c r="A29" s="37"/>
      <c r="B29" s="39"/>
      <c r="C29" s="16"/>
      <c r="D29" s="16"/>
      <c r="E29" s="16"/>
      <c r="F29" s="17">
        <f t="shared" si="0"/>
        <v>0</v>
      </c>
      <c r="G29" s="41"/>
      <c r="H29" s="18"/>
    </row>
    <row r="30" spans="1:8" ht="15" hidden="1" customHeight="1">
      <c r="A30" s="36"/>
      <c r="B30" s="38"/>
      <c r="C30" s="20"/>
      <c r="D30" s="20"/>
      <c r="E30" s="20"/>
      <c r="F30" s="13">
        <f t="shared" si="0"/>
        <v>0</v>
      </c>
      <c r="G30" s="40"/>
      <c r="H30" s="14"/>
    </row>
    <row r="31" spans="1:8" ht="15" hidden="1" customHeight="1">
      <c r="A31" s="37"/>
      <c r="B31" s="39"/>
      <c r="C31" s="16"/>
      <c r="D31" s="16"/>
      <c r="E31" s="16"/>
      <c r="F31" s="17">
        <f t="shared" si="0"/>
        <v>0</v>
      </c>
      <c r="G31" s="41"/>
      <c r="H31" s="18"/>
    </row>
    <row r="32" spans="1:8" ht="15" hidden="1" customHeight="1">
      <c r="A32" s="36"/>
      <c r="B32" s="38"/>
      <c r="C32" s="20"/>
      <c r="D32" s="20"/>
      <c r="E32" s="20"/>
      <c r="F32" s="13">
        <f t="shared" si="0"/>
        <v>0</v>
      </c>
      <c r="G32" s="40"/>
      <c r="H32" s="14"/>
    </row>
    <row r="33" spans="1:8" ht="15" hidden="1" customHeight="1">
      <c r="A33" s="37"/>
      <c r="B33" s="39"/>
      <c r="C33" s="16"/>
      <c r="D33" s="16"/>
      <c r="E33" s="16"/>
      <c r="F33" s="17">
        <f t="shared" si="0"/>
        <v>0</v>
      </c>
      <c r="G33" s="41"/>
      <c r="H33" s="18"/>
    </row>
    <row r="34" spans="1:8" ht="15" hidden="1" customHeight="1">
      <c r="A34" s="36"/>
      <c r="B34" s="38"/>
      <c r="C34" s="20"/>
      <c r="D34" s="20"/>
      <c r="E34" s="20"/>
      <c r="F34" s="13">
        <f t="shared" si="0"/>
        <v>0</v>
      </c>
      <c r="G34" s="40"/>
      <c r="H34" s="14"/>
    </row>
    <row r="35" spans="1:8" ht="15" hidden="1" customHeight="1">
      <c r="A35" s="37"/>
      <c r="B35" s="39"/>
      <c r="C35" s="16"/>
      <c r="D35" s="16"/>
      <c r="E35" s="16"/>
      <c r="F35" s="17">
        <f t="shared" si="0"/>
        <v>0</v>
      </c>
      <c r="G35" s="41"/>
      <c r="H35" s="18"/>
    </row>
    <row r="36" spans="1:8" ht="15" hidden="1" customHeight="1">
      <c r="A36" s="36"/>
      <c r="B36" s="38"/>
      <c r="C36" s="20"/>
      <c r="D36" s="20"/>
      <c r="E36" s="20"/>
      <c r="F36" s="13">
        <f t="shared" si="0"/>
        <v>0</v>
      </c>
      <c r="G36" s="40"/>
      <c r="H36" s="14"/>
    </row>
    <row r="37" spans="1:8" ht="15" hidden="1" customHeight="1">
      <c r="A37" s="37"/>
      <c r="B37" s="39"/>
      <c r="C37" s="16"/>
      <c r="D37" s="16"/>
      <c r="E37" s="16"/>
      <c r="F37" s="17">
        <f t="shared" si="0"/>
        <v>0</v>
      </c>
      <c r="G37" s="41"/>
      <c r="H37" s="18"/>
    </row>
    <row r="38" spans="1:8" ht="15" hidden="1" customHeight="1">
      <c r="A38" s="47"/>
      <c r="B38" s="38"/>
      <c r="C38" s="12"/>
      <c r="D38" s="12"/>
      <c r="E38" s="12"/>
      <c r="F38" s="13">
        <f t="shared" si="0"/>
        <v>0</v>
      </c>
      <c r="G38" s="40"/>
      <c r="H38" s="14"/>
    </row>
    <row r="39" spans="1:8" ht="15" hidden="1" customHeight="1">
      <c r="A39" s="47"/>
      <c r="B39" s="39"/>
      <c r="C39" s="19"/>
      <c r="D39" s="19"/>
      <c r="E39" s="19"/>
      <c r="F39" s="17">
        <f t="shared" si="0"/>
        <v>0</v>
      </c>
      <c r="G39" s="41"/>
      <c r="H39" s="18"/>
    </row>
    <row r="40" spans="1:8" ht="13.5" hidden="1" customHeight="1">
      <c r="A40" s="36"/>
      <c r="B40" s="38"/>
      <c r="C40" s="20"/>
      <c r="D40" s="20"/>
      <c r="E40" s="20"/>
      <c r="F40" s="13">
        <f t="shared" si="0"/>
        <v>0</v>
      </c>
      <c r="G40" s="40"/>
      <c r="H40" s="14"/>
    </row>
    <row r="41" spans="1:8" ht="13.5" hidden="1" customHeight="1">
      <c r="A41" s="37"/>
      <c r="B41" s="39"/>
      <c r="C41" s="16"/>
      <c r="D41" s="16"/>
      <c r="E41" s="16"/>
      <c r="F41" s="17">
        <f t="shared" si="0"/>
        <v>0</v>
      </c>
      <c r="G41" s="41"/>
      <c r="H41" s="18"/>
    </row>
    <row r="42" spans="1:8" ht="13.5" hidden="1" customHeight="1">
      <c r="A42" s="36"/>
      <c r="B42" s="38"/>
      <c r="C42" s="20"/>
      <c r="D42" s="20"/>
      <c r="E42" s="20"/>
      <c r="F42" s="13">
        <f t="shared" si="0"/>
        <v>0</v>
      </c>
      <c r="G42" s="40"/>
      <c r="H42" s="14"/>
    </row>
    <row r="43" spans="1:8" ht="13.5" hidden="1" customHeight="1">
      <c r="A43" s="37"/>
      <c r="B43" s="39"/>
      <c r="C43" s="16"/>
      <c r="D43" s="16"/>
      <c r="E43" s="16"/>
      <c r="F43" s="17">
        <f t="shared" si="0"/>
        <v>0</v>
      </c>
      <c r="G43" s="41"/>
      <c r="H43" s="18"/>
    </row>
    <row r="44" spans="1:8" ht="13.5" hidden="1" customHeight="1">
      <c r="A44" s="36"/>
      <c r="B44" s="38"/>
      <c r="C44" s="20"/>
      <c r="D44" s="20"/>
      <c r="E44" s="20"/>
      <c r="F44" s="13">
        <f>+D44-C44</f>
        <v>0</v>
      </c>
      <c r="G44" s="40"/>
      <c r="H44" s="14"/>
    </row>
    <row r="45" spans="1:8" ht="13.5" hidden="1" customHeight="1">
      <c r="A45" s="37"/>
      <c r="B45" s="39"/>
      <c r="C45" s="16"/>
      <c r="D45" s="16"/>
      <c r="E45" s="16"/>
      <c r="F45" s="17">
        <f>+D45-C45</f>
        <v>0</v>
      </c>
      <c r="G45" s="41"/>
      <c r="H45" s="18"/>
    </row>
    <row r="46" spans="1:8" ht="15" customHeight="1">
      <c r="A46" s="42" t="s">
        <v>29</v>
      </c>
      <c r="B46" s="43"/>
      <c r="C46" s="20">
        <f>C8+C10+C12+C14+C16+C18+C20</f>
        <v>1434849</v>
      </c>
      <c r="D46" s="20">
        <f>D8+D10+D12+D14+D16+D18+D20</f>
        <v>1305185</v>
      </c>
      <c r="E46" s="20"/>
      <c r="F46" s="13">
        <f>+D46-C46</f>
        <v>-129664</v>
      </c>
      <c r="G46" s="40" t="str">
        <f>IF(H46="　","　","区CM")</f>
        <v>　</v>
      </c>
      <c r="H46" s="29" t="str">
        <f>IF(SUMIF(J8:J21,J46,H8:H21)=0,"　",SUMIF(J8:J21,J46,H8:H21))</f>
        <v>　</v>
      </c>
    </row>
    <row r="47" spans="1:8" ht="15" customHeight="1" thickBot="1">
      <c r="A47" s="44"/>
      <c r="B47" s="45"/>
      <c r="C47" s="30">
        <f>C9+C11+C13+C15+C17+C19+C21</f>
        <v>581234</v>
      </c>
      <c r="D47" s="30">
        <f>D9+D11+D13+D15+D17+D19+D21</f>
        <v>484118.26</v>
      </c>
      <c r="E47" s="30"/>
      <c r="F47" s="31">
        <f>+D47-C47</f>
        <v>-97115.739999999991</v>
      </c>
      <c r="G47" s="46"/>
      <c r="H47" s="32" t="str">
        <f>IF(SUMIF(J8:J21,J47,H8:H21)=0,"　",SUMIF(J8:J21,J47,H8:H21))</f>
        <v>　</v>
      </c>
    </row>
    <row r="48" spans="1:8" ht="10.5" customHeight="1">
      <c r="A48" s="33"/>
      <c r="B48" s="33"/>
      <c r="C48" s="33"/>
      <c r="D48" s="34"/>
      <c r="E48" s="34"/>
      <c r="F48" s="33"/>
    </row>
    <row r="49" spans="4:7" ht="18" customHeight="1">
      <c r="D49" s="6"/>
      <c r="E49" s="6"/>
      <c r="G49" s="35"/>
    </row>
    <row r="50" spans="4:7" ht="18" customHeight="1">
      <c r="D50" s="6"/>
      <c r="E50" s="6"/>
      <c r="G50" s="35"/>
    </row>
    <row r="52" spans="4:7" ht="15" customHeight="1"/>
  </sheetData>
  <mergeCells count="62">
    <mergeCell ref="A14:A15"/>
    <mergeCell ref="B14:B15"/>
    <mergeCell ref="G1:H1"/>
    <mergeCell ref="B5:E5"/>
    <mergeCell ref="A6:A7"/>
    <mergeCell ref="B6:B7"/>
    <mergeCell ref="G6:H7"/>
    <mergeCell ref="A8:A9"/>
    <mergeCell ref="B8:B9"/>
    <mergeCell ref="G8:G9"/>
    <mergeCell ref="A10:A11"/>
    <mergeCell ref="B10:B11"/>
    <mergeCell ref="G10:G11"/>
    <mergeCell ref="A12:A13"/>
    <mergeCell ref="B12:B13"/>
    <mergeCell ref="A16:A17"/>
    <mergeCell ref="B16:B17"/>
    <mergeCell ref="G16:G17"/>
    <mergeCell ref="A18:A19"/>
    <mergeCell ref="B18:B19"/>
    <mergeCell ref="G18:G19"/>
    <mergeCell ref="A20:A21"/>
    <mergeCell ref="B20:B21"/>
    <mergeCell ref="G20:G21"/>
    <mergeCell ref="A22:A23"/>
    <mergeCell ref="B22:B23"/>
    <mergeCell ref="G22:G23"/>
    <mergeCell ref="A24:A25"/>
    <mergeCell ref="B24:B25"/>
    <mergeCell ref="G24:G25"/>
    <mergeCell ref="A26:A27"/>
    <mergeCell ref="B26:B27"/>
    <mergeCell ref="G26:G27"/>
    <mergeCell ref="A28:A29"/>
    <mergeCell ref="B28:B29"/>
    <mergeCell ref="G28:G29"/>
    <mergeCell ref="A30:A31"/>
    <mergeCell ref="B30:B31"/>
    <mergeCell ref="G30:G31"/>
    <mergeCell ref="A32:A33"/>
    <mergeCell ref="B32:B33"/>
    <mergeCell ref="G32:G33"/>
    <mergeCell ref="A34:A35"/>
    <mergeCell ref="B34:B35"/>
    <mergeCell ref="G34:G35"/>
    <mergeCell ref="A36:A37"/>
    <mergeCell ref="B36:B37"/>
    <mergeCell ref="G36:G37"/>
    <mergeCell ref="A38:A39"/>
    <mergeCell ref="B38:B39"/>
    <mergeCell ref="G38:G39"/>
    <mergeCell ref="A40:A41"/>
    <mergeCell ref="B40:B41"/>
    <mergeCell ref="G40:G41"/>
    <mergeCell ref="A42:A43"/>
    <mergeCell ref="B42:B43"/>
    <mergeCell ref="G42:G43"/>
    <mergeCell ref="A44:A45"/>
    <mergeCell ref="B44:B45"/>
    <mergeCell ref="G44:G45"/>
    <mergeCell ref="A46:B47"/>
    <mergeCell ref="G46:G47"/>
  </mergeCells>
  <phoneticPr fontId="3"/>
  <conditionalFormatting sqref="H46">
    <cfRule type="cellIs" dxfId="0" priority="1" stopIfTrue="1" operator="equal">
      <formula>0</formula>
    </cfRule>
  </conditionalFormatting>
  <dataValidations count="1">
    <dataValidation type="list" allowBlank="1" showInputMessage="1" showErrorMessage="1" sqref="G65510:G65511 JC65510:JC65511 WLS983018:WLS983025 WBW983018:WBW983025 VSA983018:VSA983025 VIE983018:VIE983025 UYI983018:UYI983025 UOM983018:UOM983025 UEQ983018:UEQ983025 TUU983018:TUU983025 TKY983018:TKY983025 TBC983018:TBC983025 SRG983018:SRG983025 SHK983018:SHK983025 RXO983018:RXO983025 RNS983018:RNS983025 RDW983018:RDW983025 QUA983018:QUA983025 QKE983018:QKE983025 QAI983018:QAI983025 PQM983018:PQM983025 PGQ983018:PGQ983025 OWU983018:OWU983025 OMY983018:OMY983025 ODC983018:ODC983025 NTG983018:NTG983025 NJK983018:NJK983025 MZO983018:MZO983025 MPS983018:MPS983025 MFW983018:MFW983025 LWA983018:LWA983025 LME983018:LME983025 LCI983018:LCI983025 KSM983018:KSM983025 KIQ983018:KIQ983025 JYU983018:JYU983025 JOY983018:JOY983025 JFC983018:JFC983025 IVG983018:IVG983025 ILK983018:ILK983025 IBO983018:IBO983025 HRS983018:HRS983025 HHW983018:HHW983025 GYA983018:GYA983025 GOE983018:GOE983025 GEI983018:GEI983025 FUM983018:FUM983025 FKQ983018:FKQ983025 FAU983018:FAU983025 EQY983018:EQY983025 EHC983018:EHC983025 DXG983018:DXG983025 DNK983018:DNK983025 DDO983018:DDO983025 CTS983018:CTS983025 CJW983018:CJW983025 CAA983018:CAA983025 BQE983018:BQE983025 BGI983018:BGI983025 AWM983018:AWM983025 AMQ983018:AMQ983025 ACU983018:ACU983025 SY983018:SY983025 JC983018:JC983025 G983018:G983025 WVO917482:WVO917489 WLS917482:WLS917489 WBW917482:WBW917489 VSA917482:VSA917489 VIE917482:VIE917489 UYI917482:UYI917489 UOM917482:UOM917489 UEQ917482:UEQ917489 TUU917482:TUU917489 TKY917482:TKY917489 TBC917482:TBC917489 SRG917482:SRG917489 SHK917482:SHK917489 RXO917482:RXO917489 RNS917482:RNS917489 RDW917482:RDW917489 QUA917482:QUA917489 QKE917482:QKE917489 QAI917482:QAI917489 PQM917482:PQM917489 PGQ917482:PGQ917489 OWU917482:OWU917489 OMY917482:OMY917489 ODC917482:ODC917489 NTG917482:NTG917489 NJK917482:NJK917489 MZO917482:MZO917489 MPS917482:MPS917489 MFW917482:MFW917489 LWA917482:LWA917489 LME917482:LME917489 LCI917482:LCI917489 KSM917482:KSM917489 KIQ917482:KIQ917489 JYU917482:JYU917489 JOY917482:JOY917489 JFC917482:JFC917489 IVG917482:IVG917489 ILK917482:ILK917489 IBO917482:IBO917489 HRS917482:HRS917489 HHW917482:HHW917489 GYA917482:GYA917489 GOE917482:GOE917489 GEI917482:GEI917489 FUM917482:FUM917489 FKQ917482:FKQ917489 FAU917482:FAU917489 EQY917482:EQY917489 EHC917482:EHC917489 DXG917482:DXG917489 DNK917482:DNK917489 DDO917482:DDO917489 CTS917482:CTS917489 CJW917482:CJW917489 CAA917482:CAA917489 BQE917482:BQE917489 BGI917482:BGI917489 AWM917482:AWM917489 AMQ917482:AMQ917489 ACU917482:ACU917489 SY917482:SY917489 JC917482:JC917489 G917482:G917489 WVO851946:WVO851953 WLS851946:WLS851953 WBW851946:WBW851953 VSA851946:VSA851953 VIE851946:VIE851953 UYI851946:UYI851953 UOM851946:UOM851953 UEQ851946:UEQ851953 TUU851946:TUU851953 TKY851946:TKY851953 TBC851946:TBC851953 SRG851946:SRG851953 SHK851946:SHK851953 RXO851946:RXO851953 RNS851946:RNS851953 RDW851946:RDW851953 QUA851946:QUA851953 QKE851946:QKE851953 QAI851946:QAI851953 PQM851946:PQM851953 PGQ851946:PGQ851953 OWU851946:OWU851953 OMY851946:OMY851953 ODC851946:ODC851953 NTG851946:NTG851953 NJK851946:NJK851953 MZO851946:MZO851953 MPS851946:MPS851953 MFW851946:MFW851953 LWA851946:LWA851953 LME851946:LME851953 LCI851946:LCI851953 KSM851946:KSM851953 KIQ851946:KIQ851953 JYU851946:JYU851953 JOY851946:JOY851953 JFC851946:JFC851953 IVG851946:IVG851953 ILK851946:ILK851953 IBO851946:IBO851953 HRS851946:HRS851953 HHW851946:HHW851953 GYA851946:GYA851953 GOE851946:GOE851953 GEI851946:GEI851953 FUM851946:FUM851953 FKQ851946:FKQ851953 FAU851946:FAU851953 EQY851946:EQY851953 EHC851946:EHC851953 DXG851946:DXG851953 DNK851946:DNK851953 DDO851946:DDO851953 CTS851946:CTS851953 CJW851946:CJW851953 CAA851946:CAA851953 BQE851946:BQE851953 BGI851946:BGI851953 AWM851946:AWM851953 AMQ851946:AMQ851953 ACU851946:ACU851953 SY851946:SY851953 JC851946:JC851953 G851946:G851953 WVO786410:WVO786417 WLS786410:WLS786417 WBW786410:WBW786417 VSA786410:VSA786417 VIE786410:VIE786417 UYI786410:UYI786417 UOM786410:UOM786417 UEQ786410:UEQ786417 TUU786410:TUU786417 TKY786410:TKY786417 TBC786410:TBC786417 SRG786410:SRG786417 SHK786410:SHK786417 RXO786410:RXO786417 RNS786410:RNS786417 RDW786410:RDW786417 QUA786410:QUA786417 QKE786410:QKE786417 QAI786410:QAI786417 PQM786410:PQM786417 PGQ786410:PGQ786417 OWU786410:OWU786417 OMY786410:OMY786417 ODC786410:ODC786417 NTG786410:NTG786417 NJK786410:NJK786417 MZO786410:MZO786417 MPS786410:MPS786417 MFW786410:MFW786417 LWA786410:LWA786417 LME786410:LME786417 LCI786410:LCI786417 KSM786410:KSM786417 KIQ786410:KIQ786417 JYU786410:JYU786417 JOY786410:JOY786417 JFC786410:JFC786417 IVG786410:IVG786417 ILK786410:ILK786417 IBO786410:IBO786417 HRS786410:HRS786417 HHW786410:HHW786417 GYA786410:GYA786417 GOE786410:GOE786417 GEI786410:GEI786417 FUM786410:FUM786417 FKQ786410:FKQ786417 FAU786410:FAU786417 EQY786410:EQY786417 EHC786410:EHC786417 DXG786410:DXG786417 DNK786410:DNK786417 DDO786410:DDO786417 CTS786410:CTS786417 CJW786410:CJW786417 CAA786410:CAA786417 BQE786410:BQE786417 BGI786410:BGI786417 AWM786410:AWM786417 AMQ786410:AMQ786417 ACU786410:ACU786417 SY786410:SY786417 JC786410:JC786417 G786410:G786417 WVO720874:WVO720881 WLS720874:WLS720881 WBW720874:WBW720881 VSA720874:VSA720881 VIE720874:VIE720881 UYI720874:UYI720881 UOM720874:UOM720881 UEQ720874:UEQ720881 TUU720874:TUU720881 TKY720874:TKY720881 TBC720874:TBC720881 SRG720874:SRG720881 SHK720874:SHK720881 RXO720874:RXO720881 RNS720874:RNS720881 RDW720874:RDW720881 QUA720874:QUA720881 QKE720874:QKE720881 QAI720874:QAI720881 PQM720874:PQM720881 PGQ720874:PGQ720881 OWU720874:OWU720881 OMY720874:OMY720881 ODC720874:ODC720881 NTG720874:NTG720881 NJK720874:NJK720881 MZO720874:MZO720881 MPS720874:MPS720881 MFW720874:MFW720881 LWA720874:LWA720881 LME720874:LME720881 LCI720874:LCI720881 KSM720874:KSM720881 KIQ720874:KIQ720881 JYU720874:JYU720881 JOY720874:JOY720881 JFC720874:JFC720881 IVG720874:IVG720881 ILK720874:ILK720881 IBO720874:IBO720881 HRS720874:HRS720881 HHW720874:HHW720881 GYA720874:GYA720881 GOE720874:GOE720881 GEI720874:GEI720881 FUM720874:FUM720881 FKQ720874:FKQ720881 FAU720874:FAU720881 EQY720874:EQY720881 EHC720874:EHC720881 DXG720874:DXG720881 DNK720874:DNK720881 DDO720874:DDO720881 CTS720874:CTS720881 CJW720874:CJW720881 CAA720874:CAA720881 BQE720874:BQE720881 BGI720874:BGI720881 AWM720874:AWM720881 AMQ720874:AMQ720881 ACU720874:ACU720881 SY720874:SY720881 JC720874:JC720881 G720874:G720881 WVO655338:WVO655345 WLS655338:WLS655345 WBW655338:WBW655345 VSA655338:VSA655345 VIE655338:VIE655345 UYI655338:UYI655345 UOM655338:UOM655345 UEQ655338:UEQ655345 TUU655338:TUU655345 TKY655338:TKY655345 TBC655338:TBC655345 SRG655338:SRG655345 SHK655338:SHK655345 RXO655338:RXO655345 RNS655338:RNS655345 RDW655338:RDW655345 QUA655338:QUA655345 QKE655338:QKE655345 QAI655338:QAI655345 PQM655338:PQM655345 PGQ655338:PGQ655345 OWU655338:OWU655345 OMY655338:OMY655345 ODC655338:ODC655345 NTG655338:NTG655345 NJK655338:NJK655345 MZO655338:MZO655345 MPS655338:MPS655345 MFW655338:MFW655345 LWA655338:LWA655345 LME655338:LME655345 LCI655338:LCI655345 KSM655338:KSM655345 KIQ655338:KIQ655345 JYU655338:JYU655345 JOY655338:JOY655345 JFC655338:JFC655345 IVG655338:IVG655345 ILK655338:ILK655345 IBO655338:IBO655345 HRS655338:HRS655345 HHW655338:HHW655345 GYA655338:GYA655345 GOE655338:GOE655345 GEI655338:GEI655345 FUM655338:FUM655345 FKQ655338:FKQ655345 FAU655338:FAU655345 EQY655338:EQY655345 EHC655338:EHC655345 DXG655338:DXG655345 DNK655338:DNK655345 DDO655338:DDO655345 CTS655338:CTS655345 CJW655338:CJW655345 CAA655338:CAA655345 BQE655338:BQE655345 BGI655338:BGI655345 AWM655338:AWM655345 AMQ655338:AMQ655345 ACU655338:ACU655345 SY655338:SY655345 JC655338:JC655345 G655338:G655345 WVO589802:WVO589809 WLS589802:WLS589809 WBW589802:WBW589809 VSA589802:VSA589809 VIE589802:VIE589809 UYI589802:UYI589809 UOM589802:UOM589809 UEQ589802:UEQ589809 TUU589802:TUU589809 TKY589802:TKY589809 TBC589802:TBC589809 SRG589802:SRG589809 SHK589802:SHK589809 RXO589802:RXO589809 RNS589802:RNS589809 RDW589802:RDW589809 QUA589802:QUA589809 QKE589802:QKE589809 QAI589802:QAI589809 PQM589802:PQM589809 PGQ589802:PGQ589809 OWU589802:OWU589809 OMY589802:OMY589809 ODC589802:ODC589809 NTG589802:NTG589809 NJK589802:NJK589809 MZO589802:MZO589809 MPS589802:MPS589809 MFW589802:MFW589809 LWA589802:LWA589809 LME589802:LME589809 LCI589802:LCI589809 KSM589802:KSM589809 KIQ589802:KIQ589809 JYU589802:JYU589809 JOY589802:JOY589809 JFC589802:JFC589809 IVG589802:IVG589809 ILK589802:ILK589809 IBO589802:IBO589809 HRS589802:HRS589809 HHW589802:HHW589809 GYA589802:GYA589809 GOE589802:GOE589809 GEI589802:GEI589809 FUM589802:FUM589809 FKQ589802:FKQ589809 FAU589802:FAU589809 EQY589802:EQY589809 EHC589802:EHC589809 DXG589802:DXG589809 DNK589802:DNK589809 DDO589802:DDO589809 CTS589802:CTS589809 CJW589802:CJW589809 CAA589802:CAA589809 BQE589802:BQE589809 BGI589802:BGI589809 AWM589802:AWM589809 AMQ589802:AMQ589809 ACU589802:ACU589809 SY589802:SY589809 JC589802:JC589809 G589802:G589809 WVO524266:WVO524273 WLS524266:WLS524273 WBW524266:WBW524273 VSA524266:VSA524273 VIE524266:VIE524273 UYI524266:UYI524273 UOM524266:UOM524273 UEQ524266:UEQ524273 TUU524266:TUU524273 TKY524266:TKY524273 TBC524266:TBC524273 SRG524266:SRG524273 SHK524266:SHK524273 RXO524266:RXO524273 RNS524266:RNS524273 RDW524266:RDW524273 QUA524266:QUA524273 QKE524266:QKE524273 QAI524266:QAI524273 PQM524266:PQM524273 PGQ524266:PGQ524273 OWU524266:OWU524273 OMY524266:OMY524273 ODC524266:ODC524273 NTG524266:NTG524273 NJK524266:NJK524273 MZO524266:MZO524273 MPS524266:MPS524273 MFW524266:MFW524273 LWA524266:LWA524273 LME524266:LME524273 LCI524266:LCI524273 KSM524266:KSM524273 KIQ524266:KIQ524273 JYU524266:JYU524273 JOY524266:JOY524273 JFC524266:JFC524273 IVG524266:IVG524273 ILK524266:ILK524273 IBO524266:IBO524273 HRS524266:HRS524273 HHW524266:HHW524273 GYA524266:GYA524273 GOE524266:GOE524273 GEI524266:GEI524273 FUM524266:FUM524273 FKQ524266:FKQ524273 FAU524266:FAU524273 EQY524266:EQY524273 EHC524266:EHC524273 DXG524266:DXG524273 DNK524266:DNK524273 DDO524266:DDO524273 CTS524266:CTS524273 CJW524266:CJW524273 CAA524266:CAA524273 BQE524266:BQE524273 BGI524266:BGI524273 AWM524266:AWM524273 AMQ524266:AMQ524273 ACU524266:ACU524273 SY524266:SY524273 JC524266:JC524273 G524266:G524273 WVO458730:WVO458737 WLS458730:WLS458737 WBW458730:WBW458737 VSA458730:VSA458737 VIE458730:VIE458737 UYI458730:UYI458737 UOM458730:UOM458737 UEQ458730:UEQ458737 TUU458730:TUU458737 TKY458730:TKY458737 TBC458730:TBC458737 SRG458730:SRG458737 SHK458730:SHK458737 RXO458730:RXO458737 RNS458730:RNS458737 RDW458730:RDW458737 QUA458730:QUA458737 QKE458730:QKE458737 QAI458730:QAI458737 PQM458730:PQM458737 PGQ458730:PGQ458737 OWU458730:OWU458737 OMY458730:OMY458737 ODC458730:ODC458737 NTG458730:NTG458737 NJK458730:NJK458737 MZO458730:MZO458737 MPS458730:MPS458737 MFW458730:MFW458737 LWA458730:LWA458737 LME458730:LME458737 LCI458730:LCI458737 KSM458730:KSM458737 KIQ458730:KIQ458737 JYU458730:JYU458737 JOY458730:JOY458737 JFC458730:JFC458737 IVG458730:IVG458737 ILK458730:ILK458737 IBO458730:IBO458737 HRS458730:HRS458737 HHW458730:HHW458737 GYA458730:GYA458737 GOE458730:GOE458737 GEI458730:GEI458737 FUM458730:FUM458737 FKQ458730:FKQ458737 FAU458730:FAU458737 EQY458730:EQY458737 EHC458730:EHC458737 DXG458730:DXG458737 DNK458730:DNK458737 DDO458730:DDO458737 CTS458730:CTS458737 CJW458730:CJW458737 CAA458730:CAA458737 BQE458730:BQE458737 BGI458730:BGI458737 AWM458730:AWM458737 AMQ458730:AMQ458737 ACU458730:ACU458737 SY458730:SY458737 JC458730:JC458737 G458730:G458737 WVO393194:WVO393201 WLS393194:WLS393201 WBW393194:WBW393201 VSA393194:VSA393201 VIE393194:VIE393201 UYI393194:UYI393201 UOM393194:UOM393201 UEQ393194:UEQ393201 TUU393194:TUU393201 TKY393194:TKY393201 TBC393194:TBC393201 SRG393194:SRG393201 SHK393194:SHK393201 RXO393194:RXO393201 RNS393194:RNS393201 RDW393194:RDW393201 QUA393194:QUA393201 QKE393194:QKE393201 QAI393194:QAI393201 PQM393194:PQM393201 PGQ393194:PGQ393201 OWU393194:OWU393201 OMY393194:OMY393201 ODC393194:ODC393201 NTG393194:NTG393201 NJK393194:NJK393201 MZO393194:MZO393201 MPS393194:MPS393201 MFW393194:MFW393201 LWA393194:LWA393201 LME393194:LME393201 LCI393194:LCI393201 KSM393194:KSM393201 KIQ393194:KIQ393201 JYU393194:JYU393201 JOY393194:JOY393201 JFC393194:JFC393201 IVG393194:IVG393201 ILK393194:ILK393201 IBO393194:IBO393201 HRS393194:HRS393201 HHW393194:HHW393201 GYA393194:GYA393201 GOE393194:GOE393201 GEI393194:GEI393201 FUM393194:FUM393201 FKQ393194:FKQ393201 FAU393194:FAU393201 EQY393194:EQY393201 EHC393194:EHC393201 DXG393194:DXG393201 DNK393194:DNK393201 DDO393194:DDO393201 CTS393194:CTS393201 CJW393194:CJW393201 CAA393194:CAA393201 BQE393194:BQE393201 BGI393194:BGI393201 AWM393194:AWM393201 AMQ393194:AMQ393201 ACU393194:ACU393201 SY393194:SY393201 JC393194:JC393201 G393194:G393201 WVO327658:WVO327665 WLS327658:WLS327665 WBW327658:WBW327665 VSA327658:VSA327665 VIE327658:VIE327665 UYI327658:UYI327665 UOM327658:UOM327665 UEQ327658:UEQ327665 TUU327658:TUU327665 TKY327658:TKY327665 TBC327658:TBC327665 SRG327658:SRG327665 SHK327658:SHK327665 RXO327658:RXO327665 RNS327658:RNS327665 RDW327658:RDW327665 QUA327658:QUA327665 QKE327658:QKE327665 QAI327658:QAI327665 PQM327658:PQM327665 PGQ327658:PGQ327665 OWU327658:OWU327665 OMY327658:OMY327665 ODC327658:ODC327665 NTG327658:NTG327665 NJK327658:NJK327665 MZO327658:MZO327665 MPS327658:MPS327665 MFW327658:MFW327665 LWA327658:LWA327665 LME327658:LME327665 LCI327658:LCI327665 KSM327658:KSM327665 KIQ327658:KIQ327665 JYU327658:JYU327665 JOY327658:JOY327665 JFC327658:JFC327665 IVG327658:IVG327665 ILK327658:ILK327665 IBO327658:IBO327665 HRS327658:HRS327665 HHW327658:HHW327665 GYA327658:GYA327665 GOE327658:GOE327665 GEI327658:GEI327665 FUM327658:FUM327665 FKQ327658:FKQ327665 FAU327658:FAU327665 EQY327658:EQY327665 EHC327658:EHC327665 DXG327658:DXG327665 DNK327658:DNK327665 DDO327658:DDO327665 CTS327658:CTS327665 CJW327658:CJW327665 CAA327658:CAA327665 BQE327658:BQE327665 BGI327658:BGI327665 AWM327658:AWM327665 AMQ327658:AMQ327665 ACU327658:ACU327665 SY327658:SY327665 JC327658:JC327665 G327658:G327665 WVO262122:WVO262129 WLS262122:WLS262129 WBW262122:WBW262129 VSA262122:VSA262129 VIE262122:VIE262129 UYI262122:UYI262129 UOM262122:UOM262129 UEQ262122:UEQ262129 TUU262122:TUU262129 TKY262122:TKY262129 TBC262122:TBC262129 SRG262122:SRG262129 SHK262122:SHK262129 RXO262122:RXO262129 RNS262122:RNS262129 RDW262122:RDW262129 QUA262122:QUA262129 QKE262122:QKE262129 QAI262122:QAI262129 PQM262122:PQM262129 PGQ262122:PGQ262129 OWU262122:OWU262129 OMY262122:OMY262129 ODC262122:ODC262129 NTG262122:NTG262129 NJK262122:NJK262129 MZO262122:MZO262129 MPS262122:MPS262129 MFW262122:MFW262129 LWA262122:LWA262129 LME262122:LME262129 LCI262122:LCI262129 KSM262122:KSM262129 KIQ262122:KIQ262129 JYU262122:JYU262129 JOY262122:JOY262129 JFC262122:JFC262129 IVG262122:IVG262129 ILK262122:ILK262129 IBO262122:IBO262129 HRS262122:HRS262129 HHW262122:HHW262129 GYA262122:GYA262129 GOE262122:GOE262129 GEI262122:GEI262129 FUM262122:FUM262129 FKQ262122:FKQ262129 FAU262122:FAU262129 EQY262122:EQY262129 EHC262122:EHC262129 DXG262122:DXG262129 DNK262122:DNK262129 DDO262122:DDO262129 CTS262122:CTS262129 CJW262122:CJW262129 CAA262122:CAA262129 BQE262122:BQE262129 BGI262122:BGI262129 AWM262122:AWM262129 AMQ262122:AMQ262129 ACU262122:ACU262129 SY262122:SY262129 JC262122:JC262129 G262122:G262129 WVO196586:WVO196593 WLS196586:WLS196593 WBW196586:WBW196593 VSA196586:VSA196593 VIE196586:VIE196593 UYI196586:UYI196593 UOM196586:UOM196593 UEQ196586:UEQ196593 TUU196586:TUU196593 TKY196586:TKY196593 TBC196586:TBC196593 SRG196586:SRG196593 SHK196586:SHK196593 RXO196586:RXO196593 RNS196586:RNS196593 RDW196586:RDW196593 QUA196586:QUA196593 QKE196586:QKE196593 QAI196586:QAI196593 PQM196586:PQM196593 PGQ196586:PGQ196593 OWU196586:OWU196593 OMY196586:OMY196593 ODC196586:ODC196593 NTG196586:NTG196593 NJK196586:NJK196593 MZO196586:MZO196593 MPS196586:MPS196593 MFW196586:MFW196593 LWA196586:LWA196593 LME196586:LME196593 LCI196586:LCI196593 KSM196586:KSM196593 KIQ196586:KIQ196593 JYU196586:JYU196593 JOY196586:JOY196593 JFC196586:JFC196593 IVG196586:IVG196593 ILK196586:ILK196593 IBO196586:IBO196593 HRS196586:HRS196593 HHW196586:HHW196593 GYA196586:GYA196593 GOE196586:GOE196593 GEI196586:GEI196593 FUM196586:FUM196593 FKQ196586:FKQ196593 FAU196586:FAU196593 EQY196586:EQY196593 EHC196586:EHC196593 DXG196586:DXG196593 DNK196586:DNK196593 DDO196586:DDO196593 CTS196586:CTS196593 CJW196586:CJW196593 CAA196586:CAA196593 BQE196586:BQE196593 BGI196586:BGI196593 AWM196586:AWM196593 AMQ196586:AMQ196593 ACU196586:ACU196593 SY196586:SY196593 JC196586:JC196593 G196586:G196593 WVO131050:WVO131057 WLS131050:WLS131057 WBW131050:WBW131057 VSA131050:VSA131057 VIE131050:VIE131057 UYI131050:UYI131057 UOM131050:UOM131057 UEQ131050:UEQ131057 TUU131050:TUU131057 TKY131050:TKY131057 TBC131050:TBC131057 SRG131050:SRG131057 SHK131050:SHK131057 RXO131050:RXO131057 RNS131050:RNS131057 RDW131050:RDW131057 QUA131050:QUA131057 QKE131050:QKE131057 QAI131050:QAI131057 PQM131050:PQM131057 PGQ131050:PGQ131057 OWU131050:OWU131057 OMY131050:OMY131057 ODC131050:ODC131057 NTG131050:NTG131057 NJK131050:NJK131057 MZO131050:MZO131057 MPS131050:MPS131057 MFW131050:MFW131057 LWA131050:LWA131057 LME131050:LME131057 LCI131050:LCI131057 KSM131050:KSM131057 KIQ131050:KIQ131057 JYU131050:JYU131057 JOY131050:JOY131057 JFC131050:JFC131057 IVG131050:IVG131057 ILK131050:ILK131057 IBO131050:IBO131057 HRS131050:HRS131057 HHW131050:HHW131057 GYA131050:GYA131057 GOE131050:GOE131057 GEI131050:GEI131057 FUM131050:FUM131057 FKQ131050:FKQ131057 FAU131050:FAU131057 EQY131050:EQY131057 EHC131050:EHC131057 DXG131050:DXG131057 DNK131050:DNK131057 DDO131050:DDO131057 CTS131050:CTS131057 CJW131050:CJW131057 CAA131050:CAA131057 BQE131050:BQE131057 BGI131050:BGI131057 AWM131050:AWM131057 AMQ131050:AMQ131057 ACU131050:ACU131057 SY131050:SY131057 JC131050:JC131057 G131050:G131057 WVO65514:WVO65521 WLS65514:WLS65521 WBW65514:WBW65521 VSA65514:VSA65521 VIE65514:VIE65521 UYI65514:UYI65521 UOM65514:UOM65521 UEQ65514:UEQ65521 TUU65514:TUU65521 TKY65514:TKY65521 TBC65514:TBC65521 SRG65514:SRG65521 SHK65514:SHK65521 RXO65514:RXO65521 RNS65514:RNS65521 RDW65514:RDW65521 QUA65514:QUA65521 QKE65514:QKE65521 QAI65514:QAI65521 PQM65514:PQM65521 PGQ65514:PGQ65521 OWU65514:OWU65521 OMY65514:OMY65521 ODC65514:ODC65521 NTG65514:NTG65521 NJK65514:NJK65521 MZO65514:MZO65521 MPS65514:MPS65521 MFW65514:MFW65521 LWA65514:LWA65521 LME65514:LME65521 LCI65514:LCI65521 KSM65514:KSM65521 KIQ65514:KIQ65521 JYU65514:JYU65521 JOY65514:JOY65521 JFC65514:JFC65521 IVG65514:IVG65521 ILK65514:ILK65521 IBO65514:IBO65521 HRS65514:HRS65521 HHW65514:HHW65521 GYA65514:GYA65521 GOE65514:GOE65521 GEI65514:GEI65521 FUM65514:FUM65521 FKQ65514:FKQ65521 FAU65514:FAU65521 EQY65514:EQY65521 EHC65514:EHC65521 DXG65514:DXG65521 DNK65514:DNK65521 DDO65514:DDO65521 CTS65514:CTS65521 CJW65514:CJW65521 CAA65514:CAA65521 BQE65514:BQE65521 BGI65514:BGI65521 AWM65514:AWM65521 AMQ65514:AMQ65521 ACU65514:ACU65521 SY65514:SY65521 JC65514:JC65521 G65514:G65521 WVO983018:WVO983025 WVO983028:WVO983053 WLS983028:WLS983053 WBW983028:WBW983053 VSA983028:VSA983053 VIE983028:VIE983053 UYI983028:UYI983053 UOM983028:UOM983053 UEQ983028:UEQ983053 TUU983028:TUU983053 TKY983028:TKY983053 TBC983028:TBC983053 SRG983028:SRG983053 SHK983028:SHK983053 RXO983028:RXO983053 RNS983028:RNS983053 RDW983028:RDW983053 QUA983028:QUA983053 QKE983028:QKE983053 QAI983028:QAI983053 PQM983028:PQM983053 PGQ983028:PGQ983053 OWU983028:OWU983053 OMY983028:OMY983053 ODC983028:ODC983053 NTG983028:NTG983053 NJK983028:NJK983053 MZO983028:MZO983053 MPS983028:MPS983053 MFW983028:MFW983053 LWA983028:LWA983053 LME983028:LME983053 LCI983028:LCI983053 KSM983028:KSM983053 KIQ983028:KIQ983053 JYU983028:JYU983053 JOY983028:JOY983053 JFC983028:JFC983053 IVG983028:IVG983053 ILK983028:ILK983053 IBO983028:IBO983053 HRS983028:HRS983053 HHW983028:HHW983053 GYA983028:GYA983053 GOE983028:GOE983053 GEI983028:GEI983053 FUM983028:FUM983053 FKQ983028:FKQ983053 FAU983028:FAU983053 EQY983028:EQY983053 EHC983028:EHC983053 DXG983028:DXG983053 DNK983028:DNK983053 DDO983028:DDO983053 CTS983028:CTS983053 CJW983028:CJW983053 CAA983028:CAA983053 BQE983028:BQE983053 BGI983028:BGI983053 AWM983028:AWM983053 AMQ983028:AMQ983053 ACU983028:ACU983053 SY983028:SY983053 JC983028:JC983053 G983028:G983053 WVO917492:WVO917517 WLS917492:WLS917517 WBW917492:WBW917517 VSA917492:VSA917517 VIE917492:VIE917517 UYI917492:UYI917517 UOM917492:UOM917517 UEQ917492:UEQ917517 TUU917492:TUU917517 TKY917492:TKY917517 TBC917492:TBC917517 SRG917492:SRG917517 SHK917492:SHK917517 RXO917492:RXO917517 RNS917492:RNS917517 RDW917492:RDW917517 QUA917492:QUA917517 QKE917492:QKE917517 QAI917492:QAI917517 PQM917492:PQM917517 PGQ917492:PGQ917517 OWU917492:OWU917517 OMY917492:OMY917517 ODC917492:ODC917517 NTG917492:NTG917517 NJK917492:NJK917517 MZO917492:MZO917517 MPS917492:MPS917517 MFW917492:MFW917517 LWA917492:LWA917517 LME917492:LME917517 LCI917492:LCI917517 KSM917492:KSM917517 KIQ917492:KIQ917517 JYU917492:JYU917517 JOY917492:JOY917517 JFC917492:JFC917517 IVG917492:IVG917517 ILK917492:ILK917517 IBO917492:IBO917517 HRS917492:HRS917517 HHW917492:HHW917517 GYA917492:GYA917517 GOE917492:GOE917517 GEI917492:GEI917517 FUM917492:FUM917517 FKQ917492:FKQ917517 FAU917492:FAU917517 EQY917492:EQY917517 EHC917492:EHC917517 DXG917492:DXG917517 DNK917492:DNK917517 DDO917492:DDO917517 CTS917492:CTS917517 CJW917492:CJW917517 CAA917492:CAA917517 BQE917492:BQE917517 BGI917492:BGI917517 AWM917492:AWM917517 AMQ917492:AMQ917517 ACU917492:ACU917517 SY917492:SY917517 JC917492:JC917517 G917492:G917517 WVO851956:WVO851981 WLS851956:WLS851981 WBW851956:WBW851981 VSA851956:VSA851981 VIE851956:VIE851981 UYI851956:UYI851981 UOM851956:UOM851981 UEQ851956:UEQ851981 TUU851956:TUU851981 TKY851956:TKY851981 TBC851956:TBC851981 SRG851956:SRG851981 SHK851956:SHK851981 RXO851956:RXO851981 RNS851956:RNS851981 RDW851956:RDW851981 QUA851956:QUA851981 QKE851956:QKE851981 QAI851956:QAI851981 PQM851956:PQM851981 PGQ851956:PGQ851981 OWU851956:OWU851981 OMY851956:OMY851981 ODC851956:ODC851981 NTG851956:NTG851981 NJK851956:NJK851981 MZO851956:MZO851981 MPS851956:MPS851981 MFW851956:MFW851981 LWA851956:LWA851981 LME851956:LME851981 LCI851956:LCI851981 KSM851956:KSM851981 KIQ851956:KIQ851981 JYU851956:JYU851981 JOY851956:JOY851981 JFC851956:JFC851981 IVG851956:IVG851981 ILK851956:ILK851981 IBO851956:IBO851981 HRS851956:HRS851981 HHW851956:HHW851981 GYA851956:GYA851981 GOE851956:GOE851981 GEI851956:GEI851981 FUM851956:FUM851981 FKQ851956:FKQ851981 FAU851956:FAU851981 EQY851956:EQY851981 EHC851956:EHC851981 DXG851956:DXG851981 DNK851956:DNK851981 DDO851956:DDO851981 CTS851956:CTS851981 CJW851956:CJW851981 CAA851956:CAA851981 BQE851956:BQE851981 BGI851956:BGI851981 AWM851956:AWM851981 AMQ851956:AMQ851981 ACU851956:ACU851981 SY851956:SY851981 JC851956:JC851981 G851956:G851981 WVO786420:WVO786445 WLS786420:WLS786445 WBW786420:WBW786445 VSA786420:VSA786445 VIE786420:VIE786445 UYI786420:UYI786445 UOM786420:UOM786445 UEQ786420:UEQ786445 TUU786420:TUU786445 TKY786420:TKY786445 TBC786420:TBC786445 SRG786420:SRG786445 SHK786420:SHK786445 RXO786420:RXO786445 RNS786420:RNS786445 RDW786420:RDW786445 QUA786420:QUA786445 QKE786420:QKE786445 QAI786420:QAI786445 PQM786420:PQM786445 PGQ786420:PGQ786445 OWU786420:OWU786445 OMY786420:OMY786445 ODC786420:ODC786445 NTG786420:NTG786445 NJK786420:NJK786445 MZO786420:MZO786445 MPS786420:MPS786445 MFW786420:MFW786445 LWA786420:LWA786445 LME786420:LME786445 LCI786420:LCI786445 KSM786420:KSM786445 KIQ786420:KIQ786445 JYU786420:JYU786445 JOY786420:JOY786445 JFC786420:JFC786445 IVG786420:IVG786445 ILK786420:ILK786445 IBO786420:IBO786445 HRS786420:HRS786445 HHW786420:HHW786445 GYA786420:GYA786445 GOE786420:GOE786445 GEI786420:GEI786445 FUM786420:FUM786445 FKQ786420:FKQ786445 FAU786420:FAU786445 EQY786420:EQY786445 EHC786420:EHC786445 DXG786420:DXG786445 DNK786420:DNK786445 DDO786420:DDO786445 CTS786420:CTS786445 CJW786420:CJW786445 CAA786420:CAA786445 BQE786420:BQE786445 BGI786420:BGI786445 AWM786420:AWM786445 AMQ786420:AMQ786445 ACU786420:ACU786445 SY786420:SY786445 JC786420:JC786445 G786420:G786445 WVO720884:WVO720909 WLS720884:WLS720909 WBW720884:WBW720909 VSA720884:VSA720909 VIE720884:VIE720909 UYI720884:UYI720909 UOM720884:UOM720909 UEQ720884:UEQ720909 TUU720884:TUU720909 TKY720884:TKY720909 TBC720884:TBC720909 SRG720884:SRG720909 SHK720884:SHK720909 RXO720884:RXO720909 RNS720884:RNS720909 RDW720884:RDW720909 QUA720884:QUA720909 QKE720884:QKE720909 QAI720884:QAI720909 PQM720884:PQM720909 PGQ720884:PGQ720909 OWU720884:OWU720909 OMY720884:OMY720909 ODC720884:ODC720909 NTG720884:NTG720909 NJK720884:NJK720909 MZO720884:MZO720909 MPS720884:MPS720909 MFW720884:MFW720909 LWA720884:LWA720909 LME720884:LME720909 LCI720884:LCI720909 KSM720884:KSM720909 KIQ720884:KIQ720909 JYU720884:JYU720909 JOY720884:JOY720909 JFC720884:JFC720909 IVG720884:IVG720909 ILK720884:ILK720909 IBO720884:IBO720909 HRS720884:HRS720909 HHW720884:HHW720909 GYA720884:GYA720909 GOE720884:GOE720909 GEI720884:GEI720909 FUM720884:FUM720909 FKQ720884:FKQ720909 FAU720884:FAU720909 EQY720884:EQY720909 EHC720884:EHC720909 DXG720884:DXG720909 DNK720884:DNK720909 DDO720884:DDO720909 CTS720884:CTS720909 CJW720884:CJW720909 CAA720884:CAA720909 BQE720884:BQE720909 BGI720884:BGI720909 AWM720884:AWM720909 AMQ720884:AMQ720909 ACU720884:ACU720909 SY720884:SY720909 JC720884:JC720909 G720884:G720909 WVO655348:WVO655373 WLS655348:WLS655373 WBW655348:WBW655373 VSA655348:VSA655373 VIE655348:VIE655373 UYI655348:UYI655373 UOM655348:UOM655373 UEQ655348:UEQ655373 TUU655348:TUU655373 TKY655348:TKY655373 TBC655348:TBC655373 SRG655348:SRG655373 SHK655348:SHK655373 RXO655348:RXO655373 RNS655348:RNS655373 RDW655348:RDW655373 QUA655348:QUA655373 QKE655348:QKE655373 QAI655348:QAI655373 PQM655348:PQM655373 PGQ655348:PGQ655373 OWU655348:OWU655373 OMY655348:OMY655373 ODC655348:ODC655373 NTG655348:NTG655373 NJK655348:NJK655373 MZO655348:MZO655373 MPS655348:MPS655373 MFW655348:MFW655373 LWA655348:LWA655373 LME655348:LME655373 LCI655348:LCI655373 KSM655348:KSM655373 KIQ655348:KIQ655373 JYU655348:JYU655373 JOY655348:JOY655373 JFC655348:JFC655373 IVG655348:IVG655373 ILK655348:ILK655373 IBO655348:IBO655373 HRS655348:HRS655373 HHW655348:HHW655373 GYA655348:GYA655373 GOE655348:GOE655373 GEI655348:GEI655373 FUM655348:FUM655373 FKQ655348:FKQ655373 FAU655348:FAU655373 EQY655348:EQY655373 EHC655348:EHC655373 DXG655348:DXG655373 DNK655348:DNK655373 DDO655348:DDO655373 CTS655348:CTS655373 CJW655348:CJW655373 CAA655348:CAA655373 BQE655348:BQE655373 BGI655348:BGI655373 AWM655348:AWM655373 AMQ655348:AMQ655373 ACU655348:ACU655373 SY655348:SY655373 JC655348:JC655373 G655348:G655373 WVO589812:WVO589837 WLS589812:WLS589837 WBW589812:WBW589837 VSA589812:VSA589837 VIE589812:VIE589837 UYI589812:UYI589837 UOM589812:UOM589837 UEQ589812:UEQ589837 TUU589812:TUU589837 TKY589812:TKY589837 TBC589812:TBC589837 SRG589812:SRG589837 SHK589812:SHK589837 RXO589812:RXO589837 RNS589812:RNS589837 RDW589812:RDW589837 QUA589812:QUA589837 QKE589812:QKE589837 QAI589812:QAI589837 PQM589812:PQM589837 PGQ589812:PGQ589837 OWU589812:OWU589837 OMY589812:OMY589837 ODC589812:ODC589837 NTG589812:NTG589837 NJK589812:NJK589837 MZO589812:MZO589837 MPS589812:MPS589837 MFW589812:MFW589837 LWA589812:LWA589837 LME589812:LME589837 LCI589812:LCI589837 KSM589812:KSM589837 KIQ589812:KIQ589837 JYU589812:JYU589837 JOY589812:JOY589837 JFC589812:JFC589837 IVG589812:IVG589837 ILK589812:ILK589837 IBO589812:IBO589837 HRS589812:HRS589837 HHW589812:HHW589837 GYA589812:GYA589837 GOE589812:GOE589837 GEI589812:GEI589837 FUM589812:FUM589837 FKQ589812:FKQ589837 FAU589812:FAU589837 EQY589812:EQY589837 EHC589812:EHC589837 DXG589812:DXG589837 DNK589812:DNK589837 DDO589812:DDO589837 CTS589812:CTS589837 CJW589812:CJW589837 CAA589812:CAA589837 BQE589812:BQE589837 BGI589812:BGI589837 AWM589812:AWM589837 AMQ589812:AMQ589837 ACU589812:ACU589837 SY589812:SY589837 JC589812:JC589837 G589812:G589837 WVO524276:WVO524301 WLS524276:WLS524301 WBW524276:WBW524301 VSA524276:VSA524301 VIE524276:VIE524301 UYI524276:UYI524301 UOM524276:UOM524301 UEQ524276:UEQ524301 TUU524276:TUU524301 TKY524276:TKY524301 TBC524276:TBC524301 SRG524276:SRG524301 SHK524276:SHK524301 RXO524276:RXO524301 RNS524276:RNS524301 RDW524276:RDW524301 QUA524276:QUA524301 QKE524276:QKE524301 QAI524276:QAI524301 PQM524276:PQM524301 PGQ524276:PGQ524301 OWU524276:OWU524301 OMY524276:OMY524301 ODC524276:ODC524301 NTG524276:NTG524301 NJK524276:NJK524301 MZO524276:MZO524301 MPS524276:MPS524301 MFW524276:MFW524301 LWA524276:LWA524301 LME524276:LME524301 LCI524276:LCI524301 KSM524276:KSM524301 KIQ524276:KIQ524301 JYU524276:JYU524301 JOY524276:JOY524301 JFC524276:JFC524301 IVG524276:IVG524301 ILK524276:ILK524301 IBO524276:IBO524301 HRS524276:HRS524301 HHW524276:HHW524301 GYA524276:GYA524301 GOE524276:GOE524301 GEI524276:GEI524301 FUM524276:FUM524301 FKQ524276:FKQ524301 FAU524276:FAU524301 EQY524276:EQY524301 EHC524276:EHC524301 DXG524276:DXG524301 DNK524276:DNK524301 DDO524276:DDO524301 CTS524276:CTS524301 CJW524276:CJW524301 CAA524276:CAA524301 BQE524276:BQE524301 BGI524276:BGI524301 AWM524276:AWM524301 AMQ524276:AMQ524301 ACU524276:ACU524301 SY524276:SY524301 JC524276:JC524301 G524276:G524301 WVO458740:WVO458765 WLS458740:WLS458765 WBW458740:WBW458765 VSA458740:VSA458765 VIE458740:VIE458765 UYI458740:UYI458765 UOM458740:UOM458765 UEQ458740:UEQ458765 TUU458740:TUU458765 TKY458740:TKY458765 TBC458740:TBC458765 SRG458740:SRG458765 SHK458740:SHK458765 RXO458740:RXO458765 RNS458740:RNS458765 RDW458740:RDW458765 QUA458740:QUA458765 QKE458740:QKE458765 QAI458740:QAI458765 PQM458740:PQM458765 PGQ458740:PGQ458765 OWU458740:OWU458765 OMY458740:OMY458765 ODC458740:ODC458765 NTG458740:NTG458765 NJK458740:NJK458765 MZO458740:MZO458765 MPS458740:MPS458765 MFW458740:MFW458765 LWA458740:LWA458765 LME458740:LME458765 LCI458740:LCI458765 KSM458740:KSM458765 KIQ458740:KIQ458765 JYU458740:JYU458765 JOY458740:JOY458765 JFC458740:JFC458765 IVG458740:IVG458765 ILK458740:ILK458765 IBO458740:IBO458765 HRS458740:HRS458765 HHW458740:HHW458765 GYA458740:GYA458765 GOE458740:GOE458765 GEI458740:GEI458765 FUM458740:FUM458765 FKQ458740:FKQ458765 FAU458740:FAU458765 EQY458740:EQY458765 EHC458740:EHC458765 DXG458740:DXG458765 DNK458740:DNK458765 DDO458740:DDO458765 CTS458740:CTS458765 CJW458740:CJW458765 CAA458740:CAA458765 BQE458740:BQE458765 BGI458740:BGI458765 AWM458740:AWM458765 AMQ458740:AMQ458765 ACU458740:ACU458765 SY458740:SY458765 JC458740:JC458765 G458740:G458765 WVO393204:WVO393229 WLS393204:WLS393229 WBW393204:WBW393229 VSA393204:VSA393229 VIE393204:VIE393229 UYI393204:UYI393229 UOM393204:UOM393229 UEQ393204:UEQ393229 TUU393204:TUU393229 TKY393204:TKY393229 TBC393204:TBC393229 SRG393204:SRG393229 SHK393204:SHK393229 RXO393204:RXO393229 RNS393204:RNS393229 RDW393204:RDW393229 QUA393204:QUA393229 QKE393204:QKE393229 QAI393204:QAI393229 PQM393204:PQM393229 PGQ393204:PGQ393229 OWU393204:OWU393229 OMY393204:OMY393229 ODC393204:ODC393229 NTG393204:NTG393229 NJK393204:NJK393229 MZO393204:MZO393229 MPS393204:MPS393229 MFW393204:MFW393229 LWA393204:LWA393229 LME393204:LME393229 LCI393204:LCI393229 KSM393204:KSM393229 KIQ393204:KIQ393229 JYU393204:JYU393229 JOY393204:JOY393229 JFC393204:JFC393229 IVG393204:IVG393229 ILK393204:ILK393229 IBO393204:IBO393229 HRS393204:HRS393229 HHW393204:HHW393229 GYA393204:GYA393229 GOE393204:GOE393229 GEI393204:GEI393229 FUM393204:FUM393229 FKQ393204:FKQ393229 FAU393204:FAU393229 EQY393204:EQY393229 EHC393204:EHC393229 DXG393204:DXG393229 DNK393204:DNK393229 DDO393204:DDO393229 CTS393204:CTS393229 CJW393204:CJW393229 CAA393204:CAA393229 BQE393204:BQE393229 BGI393204:BGI393229 AWM393204:AWM393229 AMQ393204:AMQ393229 ACU393204:ACU393229 SY393204:SY393229 JC393204:JC393229 G393204:G393229 WVO327668:WVO327693 WLS327668:WLS327693 WBW327668:WBW327693 VSA327668:VSA327693 VIE327668:VIE327693 UYI327668:UYI327693 UOM327668:UOM327693 UEQ327668:UEQ327693 TUU327668:TUU327693 TKY327668:TKY327693 TBC327668:TBC327693 SRG327668:SRG327693 SHK327668:SHK327693 RXO327668:RXO327693 RNS327668:RNS327693 RDW327668:RDW327693 QUA327668:QUA327693 QKE327668:QKE327693 QAI327668:QAI327693 PQM327668:PQM327693 PGQ327668:PGQ327693 OWU327668:OWU327693 OMY327668:OMY327693 ODC327668:ODC327693 NTG327668:NTG327693 NJK327668:NJK327693 MZO327668:MZO327693 MPS327668:MPS327693 MFW327668:MFW327693 LWA327668:LWA327693 LME327668:LME327693 LCI327668:LCI327693 KSM327668:KSM327693 KIQ327668:KIQ327693 JYU327668:JYU327693 JOY327668:JOY327693 JFC327668:JFC327693 IVG327668:IVG327693 ILK327668:ILK327693 IBO327668:IBO327693 HRS327668:HRS327693 HHW327668:HHW327693 GYA327668:GYA327693 GOE327668:GOE327693 GEI327668:GEI327693 FUM327668:FUM327693 FKQ327668:FKQ327693 FAU327668:FAU327693 EQY327668:EQY327693 EHC327668:EHC327693 DXG327668:DXG327693 DNK327668:DNK327693 DDO327668:DDO327693 CTS327668:CTS327693 CJW327668:CJW327693 CAA327668:CAA327693 BQE327668:BQE327693 BGI327668:BGI327693 AWM327668:AWM327693 AMQ327668:AMQ327693 ACU327668:ACU327693 SY327668:SY327693 JC327668:JC327693 G327668:G327693 WVO262132:WVO262157 WLS262132:WLS262157 WBW262132:WBW262157 VSA262132:VSA262157 VIE262132:VIE262157 UYI262132:UYI262157 UOM262132:UOM262157 UEQ262132:UEQ262157 TUU262132:TUU262157 TKY262132:TKY262157 TBC262132:TBC262157 SRG262132:SRG262157 SHK262132:SHK262157 RXO262132:RXO262157 RNS262132:RNS262157 RDW262132:RDW262157 QUA262132:QUA262157 QKE262132:QKE262157 QAI262132:QAI262157 PQM262132:PQM262157 PGQ262132:PGQ262157 OWU262132:OWU262157 OMY262132:OMY262157 ODC262132:ODC262157 NTG262132:NTG262157 NJK262132:NJK262157 MZO262132:MZO262157 MPS262132:MPS262157 MFW262132:MFW262157 LWA262132:LWA262157 LME262132:LME262157 LCI262132:LCI262157 KSM262132:KSM262157 KIQ262132:KIQ262157 JYU262132:JYU262157 JOY262132:JOY262157 JFC262132:JFC262157 IVG262132:IVG262157 ILK262132:ILK262157 IBO262132:IBO262157 HRS262132:HRS262157 HHW262132:HHW262157 GYA262132:GYA262157 GOE262132:GOE262157 GEI262132:GEI262157 FUM262132:FUM262157 FKQ262132:FKQ262157 FAU262132:FAU262157 EQY262132:EQY262157 EHC262132:EHC262157 DXG262132:DXG262157 DNK262132:DNK262157 DDO262132:DDO262157 CTS262132:CTS262157 CJW262132:CJW262157 CAA262132:CAA262157 BQE262132:BQE262157 BGI262132:BGI262157 AWM262132:AWM262157 AMQ262132:AMQ262157 ACU262132:ACU262157 SY262132:SY262157 JC262132:JC262157 G262132:G262157 WVO196596:WVO196621 WLS196596:WLS196621 WBW196596:WBW196621 VSA196596:VSA196621 VIE196596:VIE196621 UYI196596:UYI196621 UOM196596:UOM196621 UEQ196596:UEQ196621 TUU196596:TUU196621 TKY196596:TKY196621 TBC196596:TBC196621 SRG196596:SRG196621 SHK196596:SHK196621 RXO196596:RXO196621 RNS196596:RNS196621 RDW196596:RDW196621 QUA196596:QUA196621 QKE196596:QKE196621 QAI196596:QAI196621 PQM196596:PQM196621 PGQ196596:PGQ196621 OWU196596:OWU196621 OMY196596:OMY196621 ODC196596:ODC196621 NTG196596:NTG196621 NJK196596:NJK196621 MZO196596:MZO196621 MPS196596:MPS196621 MFW196596:MFW196621 LWA196596:LWA196621 LME196596:LME196621 LCI196596:LCI196621 KSM196596:KSM196621 KIQ196596:KIQ196621 JYU196596:JYU196621 JOY196596:JOY196621 JFC196596:JFC196621 IVG196596:IVG196621 ILK196596:ILK196621 IBO196596:IBO196621 HRS196596:HRS196621 HHW196596:HHW196621 GYA196596:GYA196621 GOE196596:GOE196621 GEI196596:GEI196621 FUM196596:FUM196621 FKQ196596:FKQ196621 FAU196596:FAU196621 EQY196596:EQY196621 EHC196596:EHC196621 DXG196596:DXG196621 DNK196596:DNK196621 DDO196596:DDO196621 CTS196596:CTS196621 CJW196596:CJW196621 CAA196596:CAA196621 BQE196596:BQE196621 BGI196596:BGI196621 AWM196596:AWM196621 AMQ196596:AMQ196621 ACU196596:ACU196621 SY196596:SY196621 JC196596:JC196621 G196596:G196621 WVO131060:WVO131085 WLS131060:WLS131085 WBW131060:WBW131085 VSA131060:VSA131085 VIE131060:VIE131085 UYI131060:UYI131085 UOM131060:UOM131085 UEQ131060:UEQ131085 TUU131060:TUU131085 TKY131060:TKY131085 TBC131060:TBC131085 SRG131060:SRG131085 SHK131060:SHK131085 RXO131060:RXO131085 RNS131060:RNS131085 RDW131060:RDW131085 QUA131060:QUA131085 QKE131060:QKE131085 QAI131060:QAI131085 PQM131060:PQM131085 PGQ131060:PGQ131085 OWU131060:OWU131085 OMY131060:OMY131085 ODC131060:ODC131085 NTG131060:NTG131085 NJK131060:NJK131085 MZO131060:MZO131085 MPS131060:MPS131085 MFW131060:MFW131085 LWA131060:LWA131085 LME131060:LME131085 LCI131060:LCI131085 KSM131060:KSM131085 KIQ131060:KIQ131085 JYU131060:JYU131085 JOY131060:JOY131085 JFC131060:JFC131085 IVG131060:IVG131085 ILK131060:ILK131085 IBO131060:IBO131085 HRS131060:HRS131085 HHW131060:HHW131085 GYA131060:GYA131085 GOE131060:GOE131085 GEI131060:GEI131085 FUM131060:FUM131085 FKQ131060:FKQ131085 FAU131060:FAU131085 EQY131060:EQY131085 EHC131060:EHC131085 DXG131060:DXG131085 DNK131060:DNK131085 DDO131060:DDO131085 CTS131060:CTS131085 CJW131060:CJW131085 CAA131060:CAA131085 BQE131060:BQE131085 BGI131060:BGI131085 AWM131060:AWM131085 AMQ131060:AMQ131085 ACU131060:ACU131085 SY131060:SY131085 JC131060:JC131085 G131060:G131085 WVO65524:WVO65549 WLS65524:WLS65549 WBW65524:WBW65549 VSA65524:VSA65549 VIE65524:VIE65549 UYI65524:UYI65549 UOM65524:UOM65549 UEQ65524:UEQ65549 TUU65524:TUU65549 TKY65524:TKY65549 TBC65524:TBC65549 SRG65524:SRG65549 SHK65524:SHK65549 RXO65524:RXO65549 RNS65524:RNS65549 RDW65524:RDW65549 QUA65524:QUA65549 QKE65524:QKE65549 QAI65524:QAI65549 PQM65524:PQM65549 PGQ65524:PGQ65549 OWU65524:OWU65549 OMY65524:OMY65549 ODC65524:ODC65549 NTG65524:NTG65549 NJK65524:NJK65549 MZO65524:MZO65549 MPS65524:MPS65549 MFW65524:MFW65549 LWA65524:LWA65549 LME65524:LME65549 LCI65524:LCI65549 KSM65524:KSM65549 KIQ65524:KIQ65549 JYU65524:JYU65549 JOY65524:JOY65549 JFC65524:JFC65549 IVG65524:IVG65549 ILK65524:ILK65549 IBO65524:IBO65549 HRS65524:HRS65549 HHW65524:HHW65549 GYA65524:GYA65549 GOE65524:GOE65549 GEI65524:GEI65549 FUM65524:FUM65549 FKQ65524:FKQ65549 FAU65524:FAU65549 EQY65524:EQY65549 EHC65524:EHC65549 DXG65524:DXG65549 DNK65524:DNK65549 DDO65524:DDO65549 CTS65524:CTS65549 CJW65524:CJW65549 CAA65524:CAA65549 BQE65524:BQE65549 BGI65524:BGI65549 AWM65524:AWM65549 AMQ65524:AMQ65549 ACU65524:ACU65549 SY65524:SY65549 JC65524:JC65549 G65524:G65549 WVO983014:WVO983015 WLS983014:WLS983015 WBW983014:WBW983015 VSA983014:VSA983015 VIE983014:VIE983015 UYI983014:UYI983015 UOM983014:UOM983015 UEQ983014:UEQ983015 TUU983014:TUU983015 TKY983014:TKY983015 TBC983014:TBC983015 SRG983014:SRG983015 SHK983014:SHK983015 RXO983014:RXO983015 RNS983014:RNS983015 RDW983014:RDW983015 QUA983014:QUA983015 QKE983014:QKE983015 QAI983014:QAI983015 PQM983014:PQM983015 PGQ983014:PGQ983015 OWU983014:OWU983015 OMY983014:OMY983015 ODC983014:ODC983015 NTG983014:NTG983015 NJK983014:NJK983015 MZO983014:MZO983015 MPS983014:MPS983015 MFW983014:MFW983015 LWA983014:LWA983015 LME983014:LME983015 LCI983014:LCI983015 KSM983014:KSM983015 KIQ983014:KIQ983015 JYU983014:JYU983015 JOY983014:JOY983015 JFC983014:JFC983015 IVG983014:IVG983015 ILK983014:ILK983015 IBO983014:IBO983015 HRS983014:HRS983015 HHW983014:HHW983015 GYA983014:GYA983015 GOE983014:GOE983015 GEI983014:GEI983015 FUM983014:FUM983015 FKQ983014:FKQ983015 FAU983014:FAU983015 EQY983014:EQY983015 EHC983014:EHC983015 DXG983014:DXG983015 DNK983014:DNK983015 DDO983014:DDO983015 CTS983014:CTS983015 CJW983014:CJW983015 CAA983014:CAA983015 BQE983014:BQE983015 BGI983014:BGI983015 AWM983014:AWM983015 AMQ983014:AMQ983015 ACU983014:ACU983015 SY983014:SY983015 JC983014:JC983015 G983014:G983015 WVO917478:WVO917479 WLS917478:WLS917479 WBW917478:WBW917479 VSA917478:VSA917479 VIE917478:VIE917479 UYI917478:UYI917479 UOM917478:UOM917479 UEQ917478:UEQ917479 TUU917478:TUU917479 TKY917478:TKY917479 TBC917478:TBC917479 SRG917478:SRG917479 SHK917478:SHK917479 RXO917478:RXO917479 RNS917478:RNS917479 RDW917478:RDW917479 QUA917478:QUA917479 QKE917478:QKE917479 QAI917478:QAI917479 PQM917478:PQM917479 PGQ917478:PGQ917479 OWU917478:OWU917479 OMY917478:OMY917479 ODC917478:ODC917479 NTG917478:NTG917479 NJK917478:NJK917479 MZO917478:MZO917479 MPS917478:MPS917479 MFW917478:MFW917479 LWA917478:LWA917479 LME917478:LME917479 LCI917478:LCI917479 KSM917478:KSM917479 KIQ917478:KIQ917479 JYU917478:JYU917479 JOY917478:JOY917479 JFC917478:JFC917479 IVG917478:IVG917479 ILK917478:ILK917479 IBO917478:IBO917479 HRS917478:HRS917479 HHW917478:HHW917479 GYA917478:GYA917479 GOE917478:GOE917479 GEI917478:GEI917479 FUM917478:FUM917479 FKQ917478:FKQ917479 FAU917478:FAU917479 EQY917478:EQY917479 EHC917478:EHC917479 DXG917478:DXG917479 DNK917478:DNK917479 DDO917478:DDO917479 CTS917478:CTS917479 CJW917478:CJW917479 CAA917478:CAA917479 BQE917478:BQE917479 BGI917478:BGI917479 AWM917478:AWM917479 AMQ917478:AMQ917479 ACU917478:ACU917479 SY917478:SY917479 JC917478:JC917479 G917478:G917479 WVO851942:WVO851943 WLS851942:WLS851943 WBW851942:WBW851943 VSA851942:VSA851943 VIE851942:VIE851943 UYI851942:UYI851943 UOM851942:UOM851943 UEQ851942:UEQ851943 TUU851942:TUU851943 TKY851942:TKY851943 TBC851942:TBC851943 SRG851942:SRG851943 SHK851942:SHK851943 RXO851942:RXO851943 RNS851942:RNS851943 RDW851942:RDW851943 QUA851942:QUA851943 QKE851942:QKE851943 QAI851942:QAI851943 PQM851942:PQM851943 PGQ851942:PGQ851943 OWU851942:OWU851943 OMY851942:OMY851943 ODC851942:ODC851943 NTG851942:NTG851943 NJK851942:NJK851943 MZO851942:MZO851943 MPS851942:MPS851943 MFW851942:MFW851943 LWA851942:LWA851943 LME851942:LME851943 LCI851942:LCI851943 KSM851942:KSM851943 KIQ851942:KIQ851943 JYU851942:JYU851943 JOY851942:JOY851943 JFC851942:JFC851943 IVG851942:IVG851943 ILK851942:ILK851943 IBO851942:IBO851943 HRS851942:HRS851943 HHW851942:HHW851943 GYA851942:GYA851943 GOE851942:GOE851943 GEI851942:GEI851943 FUM851942:FUM851943 FKQ851942:FKQ851943 FAU851942:FAU851943 EQY851942:EQY851943 EHC851942:EHC851943 DXG851942:DXG851943 DNK851942:DNK851943 DDO851942:DDO851943 CTS851942:CTS851943 CJW851942:CJW851943 CAA851942:CAA851943 BQE851942:BQE851943 BGI851942:BGI851943 AWM851942:AWM851943 AMQ851942:AMQ851943 ACU851942:ACU851943 SY851942:SY851943 JC851942:JC851943 G851942:G851943 WVO786406:WVO786407 WLS786406:WLS786407 WBW786406:WBW786407 VSA786406:VSA786407 VIE786406:VIE786407 UYI786406:UYI786407 UOM786406:UOM786407 UEQ786406:UEQ786407 TUU786406:TUU786407 TKY786406:TKY786407 TBC786406:TBC786407 SRG786406:SRG786407 SHK786406:SHK786407 RXO786406:RXO786407 RNS786406:RNS786407 RDW786406:RDW786407 QUA786406:QUA786407 QKE786406:QKE786407 QAI786406:QAI786407 PQM786406:PQM786407 PGQ786406:PGQ786407 OWU786406:OWU786407 OMY786406:OMY786407 ODC786406:ODC786407 NTG786406:NTG786407 NJK786406:NJK786407 MZO786406:MZO786407 MPS786406:MPS786407 MFW786406:MFW786407 LWA786406:LWA786407 LME786406:LME786407 LCI786406:LCI786407 KSM786406:KSM786407 KIQ786406:KIQ786407 JYU786406:JYU786407 JOY786406:JOY786407 JFC786406:JFC786407 IVG786406:IVG786407 ILK786406:ILK786407 IBO786406:IBO786407 HRS786406:HRS786407 HHW786406:HHW786407 GYA786406:GYA786407 GOE786406:GOE786407 GEI786406:GEI786407 FUM786406:FUM786407 FKQ786406:FKQ786407 FAU786406:FAU786407 EQY786406:EQY786407 EHC786406:EHC786407 DXG786406:DXG786407 DNK786406:DNK786407 DDO786406:DDO786407 CTS786406:CTS786407 CJW786406:CJW786407 CAA786406:CAA786407 BQE786406:BQE786407 BGI786406:BGI786407 AWM786406:AWM786407 AMQ786406:AMQ786407 ACU786406:ACU786407 SY786406:SY786407 JC786406:JC786407 G786406:G786407 WVO720870:WVO720871 WLS720870:WLS720871 WBW720870:WBW720871 VSA720870:VSA720871 VIE720870:VIE720871 UYI720870:UYI720871 UOM720870:UOM720871 UEQ720870:UEQ720871 TUU720870:TUU720871 TKY720870:TKY720871 TBC720870:TBC720871 SRG720870:SRG720871 SHK720870:SHK720871 RXO720870:RXO720871 RNS720870:RNS720871 RDW720870:RDW720871 QUA720870:QUA720871 QKE720870:QKE720871 QAI720870:QAI720871 PQM720870:PQM720871 PGQ720870:PGQ720871 OWU720870:OWU720871 OMY720870:OMY720871 ODC720870:ODC720871 NTG720870:NTG720871 NJK720870:NJK720871 MZO720870:MZO720871 MPS720870:MPS720871 MFW720870:MFW720871 LWA720870:LWA720871 LME720870:LME720871 LCI720870:LCI720871 KSM720870:KSM720871 KIQ720870:KIQ720871 JYU720870:JYU720871 JOY720870:JOY720871 JFC720870:JFC720871 IVG720870:IVG720871 ILK720870:ILK720871 IBO720870:IBO720871 HRS720870:HRS720871 HHW720870:HHW720871 GYA720870:GYA720871 GOE720870:GOE720871 GEI720870:GEI720871 FUM720870:FUM720871 FKQ720870:FKQ720871 FAU720870:FAU720871 EQY720870:EQY720871 EHC720870:EHC720871 DXG720870:DXG720871 DNK720870:DNK720871 DDO720870:DDO720871 CTS720870:CTS720871 CJW720870:CJW720871 CAA720870:CAA720871 BQE720870:BQE720871 BGI720870:BGI720871 AWM720870:AWM720871 AMQ720870:AMQ720871 ACU720870:ACU720871 SY720870:SY720871 JC720870:JC720871 G720870:G720871 WVO655334:WVO655335 WLS655334:WLS655335 WBW655334:WBW655335 VSA655334:VSA655335 VIE655334:VIE655335 UYI655334:UYI655335 UOM655334:UOM655335 UEQ655334:UEQ655335 TUU655334:TUU655335 TKY655334:TKY655335 TBC655334:TBC655335 SRG655334:SRG655335 SHK655334:SHK655335 RXO655334:RXO655335 RNS655334:RNS655335 RDW655334:RDW655335 QUA655334:QUA655335 QKE655334:QKE655335 QAI655334:QAI655335 PQM655334:PQM655335 PGQ655334:PGQ655335 OWU655334:OWU655335 OMY655334:OMY655335 ODC655334:ODC655335 NTG655334:NTG655335 NJK655334:NJK655335 MZO655334:MZO655335 MPS655334:MPS655335 MFW655334:MFW655335 LWA655334:LWA655335 LME655334:LME655335 LCI655334:LCI655335 KSM655334:KSM655335 KIQ655334:KIQ655335 JYU655334:JYU655335 JOY655334:JOY655335 JFC655334:JFC655335 IVG655334:IVG655335 ILK655334:ILK655335 IBO655334:IBO655335 HRS655334:HRS655335 HHW655334:HHW655335 GYA655334:GYA655335 GOE655334:GOE655335 GEI655334:GEI655335 FUM655334:FUM655335 FKQ655334:FKQ655335 FAU655334:FAU655335 EQY655334:EQY655335 EHC655334:EHC655335 DXG655334:DXG655335 DNK655334:DNK655335 DDO655334:DDO655335 CTS655334:CTS655335 CJW655334:CJW655335 CAA655334:CAA655335 BQE655334:BQE655335 BGI655334:BGI655335 AWM655334:AWM655335 AMQ655334:AMQ655335 ACU655334:ACU655335 SY655334:SY655335 JC655334:JC655335 G655334:G655335 WVO589798:WVO589799 WLS589798:WLS589799 WBW589798:WBW589799 VSA589798:VSA589799 VIE589798:VIE589799 UYI589798:UYI589799 UOM589798:UOM589799 UEQ589798:UEQ589799 TUU589798:TUU589799 TKY589798:TKY589799 TBC589798:TBC589799 SRG589798:SRG589799 SHK589798:SHK589799 RXO589798:RXO589799 RNS589798:RNS589799 RDW589798:RDW589799 QUA589798:QUA589799 QKE589798:QKE589799 QAI589798:QAI589799 PQM589798:PQM589799 PGQ589798:PGQ589799 OWU589798:OWU589799 OMY589798:OMY589799 ODC589798:ODC589799 NTG589798:NTG589799 NJK589798:NJK589799 MZO589798:MZO589799 MPS589798:MPS589799 MFW589798:MFW589799 LWA589798:LWA589799 LME589798:LME589799 LCI589798:LCI589799 KSM589798:KSM589799 KIQ589798:KIQ589799 JYU589798:JYU589799 JOY589798:JOY589799 JFC589798:JFC589799 IVG589798:IVG589799 ILK589798:ILK589799 IBO589798:IBO589799 HRS589798:HRS589799 HHW589798:HHW589799 GYA589798:GYA589799 GOE589798:GOE589799 GEI589798:GEI589799 FUM589798:FUM589799 FKQ589798:FKQ589799 FAU589798:FAU589799 EQY589798:EQY589799 EHC589798:EHC589799 DXG589798:DXG589799 DNK589798:DNK589799 DDO589798:DDO589799 CTS589798:CTS589799 CJW589798:CJW589799 CAA589798:CAA589799 BQE589798:BQE589799 BGI589798:BGI589799 AWM589798:AWM589799 AMQ589798:AMQ589799 ACU589798:ACU589799 SY589798:SY589799 JC589798:JC589799 G589798:G589799 WVO524262:WVO524263 WLS524262:WLS524263 WBW524262:WBW524263 VSA524262:VSA524263 VIE524262:VIE524263 UYI524262:UYI524263 UOM524262:UOM524263 UEQ524262:UEQ524263 TUU524262:TUU524263 TKY524262:TKY524263 TBC524262:TBC524263 SRG524262:SRG524263 SHK524262:SHK524263 RXO524262:RXO524263 RNS524262:RNS524263 RDW524262:RDW524263 QUA524262:QUA524263 QKE524262:QKE524263 QAI524262:QAI524263 PQM524262:PQM524263 PGQ524262:PGQ524263 OWU524262:OWU524263 OMY524262:OMY524263 ODC524262:ODC524263 NTG524262:NTG524263 NJK524262:NJK524263 MZO524262:MZO524263 MPS524262:MPS524263 MFW524262:MFW524263 LWA524262:LWA524263 LME524262:LME524263 LCI524262:LCI524263 KSM524262:KSM524263 KIQ524262:KIQ524263 JYU524262:JYU524263 JOY524262:JOY524263 JFC524262:JFC524263 IVG524262:IVG524263 ILK524262:ILK524263 IBO524262:IBO524263 HRS524262:HRS524263 HHW524262:HHW524263 GYA524262:GYA524263 GOE524262:GOE524263 GEI524262:GEI524263 FUM524262:FUM524263 FKQ524262:FKQ524263 FAU524262:FAU524263 EQY524262:EQY524263 EHC524262:EHC524263 DXG524262:DXG524263 DNK524262:DNK524263 DDO524262:DDO524263 CTS524262:CTS524263 CJW524262:CJW524263 CAA524262:CAA524263 BQE524262:BQE524263 BGI524262:BGI524263 AWM524262:AWM524263 AMQ524262:AMQ524263 ACU524262:ACU524263 SY524262:SY524263 JC524262:JC524263 G524262:G524263 WVO458726:WVO458727 WLS458726:WLS458727 WBW458726:WBW458727 VSA458726:VSA458727 VIE458726:VIE458727 UYI458726:UYI458727 UOM458726:UOM458727 UEQ458726:UEQ458727 TUU458726:TUU458727 TKY458726:TKY458727 TBC458726:TBC458727 SRG458726:SRG458727 SHK458726:SHK458727 RXO458726:RXO458727 RNS458726:RNS458727 RDW458726:RDW458727 QUA458726:QUA458727 QKE458726:QKE458727 QAI458726:QAI458727 PQM458726:PQM458727 PGQ458726:PGQ458727 OWU458726:OWU458727 OMY458726:OMY458727 ODC458726:ODC458727 NTG458726:NTG458727 NJK458726:NJK458727 MZO458726:MZO458727 MPS458726:MPS458727 MFW458726:MFW458727 LWA458726:LWA458727 LME458726:LME458727 LCI458726:LCI458727 KSM458726:KSM458727 KIQ458726:KIQ458727 JYU458726:JYU458727 JOY458726:JOY458727 JFC458726:JFC458727 IVG458726:IVG458727 ILK458726:ILK458727 IBO458726:IBO458727 HRS458726:HRS458727 HHW458726:HHW458727 GYA458726:GYA458727 GOE458726:GOE458727 GEI458726:GEI458727 FUM458726:FUM458727 FKQ458726:FKQ458727 FAU458726:FAU458727 EQY458726:EQY458727 EHC458726:EHC458727 DXG458726:DXG458727 DNK458726:DNK458727 DDO458726:DDO458727 CTS458726:CTS458727 CJW458726:CJW458727 CAA458726:CAA458727 BQE458726:BQE458727 BGI458726:BGI458727 AWM458726:AWM458727 AMQ458726:AMQ458727 ACU458726:ACU458727 SY458726:SY458727 JC458726:JC458727 G458726:G458727 WVO393190:WVO393191 WLS393190:WLS393191 WBW393190:WBW393191 VSA393190:VSA393191 VIE393190:VIE393191 UYI393190:UYI393191 UOM393190:UOM393191 UEQ393190:UEQ393191 TUU393190:TUU393191 TKY393190:TKY393191 TBC393190:TBC393191 SRG393190:SRG393191 SHK393190:SHK393191 RXO393190:RXO393191 RNS393190:RNS393191 RDW393190:RDW393191 QUA393190:QUA393191 QKE393190:QKE393191 QAI393190:QAI393191 PQM393190:PQM393191 PGQ393190:PGQ393191 OWU393190:OWU393191 OMY393190:OMY393191 ODC393190:ODC393191 NTG393190:NTG393191 NJK393190:NJK393191 MZO393190:MZO393191 MPS393190:MPS393191 MFW393190:MFW393191 LWA393190:LWA393191 LME393190:LME393191 LCI393190:LCI393191 KSM393190:KSM393191 KIQ393190:KIQ393191 JYU393190:JYU393191 JOY393190:JOY393191 JFC393190:JFC393191 IVG393190:IVG393191 ILK393190:ILK393191 IBO393190:IBO393191 HRS393190:HRS393191 HHW393190:HHW393191 GYA393190:GYA393191 GOE393190:GOE393191 GEI393190:GEI393191 FUM393190:FUM393191 FKQ393190:FKQ393191 FAU393190:FAU393191 EQY393190:EQY393191 EHC393190:EHC393191 DXG393190:DXG393191 DNK393190:DNK393191 DDO393190:DDO393191 CTS393190:CTS393191 CJW393190:CJW393191 CAA393190:CAA393191 BQE393190:BQE393191 BGI393190:BGI393191 AWM393190:AWM393191 AMQ393190:AMQ393191 ACU393190:ACU393191 SY393190:SY393191 JC393190:JC393191 G393190:G393191 WVO327654:WVO327655 WLS327654:WLS327655 WBW327654:WBW327655 VSA327654:VSA327655 VIE327654:VIE327655 UYI327654:UYI327655 UOM327654:UOM327655 UEQ327654:UEQ327655 TUU327654:TUU327655 TKY327654:TKY327655 TBC327654:TBC327655 SRG327654:SRG327655 SHK327654:SHK327655 RXO327654:RXO327655 RNS327654:RNS327655 RDW327654:RDW327655 QUA327654:QUA327655 QKE327654:QKE327655 QAI327654:QAI327655 PQM327654:PQM327655 PGQ327654:PGQ327655 OWU327654:OWU327655 OMY327654:OMY327655 ODC327654:ODC327655 NTG327654:NTG327655 NJK327654:NJK327655 MZO327654:MZO327655 MPS327654:MPS327655 MFW327654:MFW327655 LWA327654:LWA327655 LME327654:LME327655 LCI327654:LCI327655 KSM327654:KSM327655 KIQ327654:KIQ327655 JYU327654:JYU327655 JOY327654:JOY327655 JFC327654:JFC327655 IVG327654:IVG327655 ILK327654:ILK327655 IBO327654:IBO327655 HRS327654:HRS327655 HHW327654:HHW327655 GYA327654:GYA327655 GOE327654:GOE327655 GEI327654:GEI327655 FUM327654:FUM327655 FKQ327654:FKQ327655 FAU327654:FAU327655 EQY327654:EQY327655 EHC327654:EHC327655 DXG327654:DXG327655 DNK327654:DNK327655 DDO327654:DDO327655 CTS327654:CTS327655 CJW327654:CJW327655 CAA327654:CAA327655 BQE327654:BQE327655 BGI327654:BGI327655 AWM327654:AWM327655 AMQ327654:AMQ327655 ACU327654:ACU327655 SY327654:SY327655 JC327654:JC327655 G327654:G327655 WVO262118:WVO262119 WLS262118:WLS262119 WBW262118:WBW262119 VSA262118:VSA262119 VIE262118:VIE262119 UYI262118:UYI262119 UOM262118:UOM262119 UEQ262118:UEQ262119 TUU262118:TUU262119 TKY262118:TKY262119 TBC262118:TBC262119 SRG262118:SRG262119 SHK262118:SHK262119 RXO262118:RXO262119 RNS262118:RNS262119 RDW262118:RDW262119 QUA262118:QUA262119 QKE262118:QKE262119 QAI262118:QAI262119 PQM262118:PQM262119 PGQ262118:PGQ262119 OWU262118:OWU262119 OMY262118:OMY262119 ODC262118:ODC262119 NTG262118:NTG262119 NJK262118:NJK262119 MZO262118:MZO262119 MPS262118:MPS262119 MFW262118:MFW262119 LWA262118:LWA262119 LME262118:LME262119 LCI262118:LCI262119 KSM262118:KSM262119 KIQ262118:KIQ262119 JYU262118:JYU262119 JOY262118:JOY262119 JFC262118:JFC262119 IVG262118:IVG262119 ILK262118:ILK262119 IBO262118:IBO262119 HRS262118:HRS262119 HHW262118:HHW262119 GYA262118:GYA262119 GOE262118:GOE262119 GEI262118:GEI262119 FUM262118:FUM262119 FKQ262118:FKQ262119 FAU262118:FAU262119 EQY262118:EQY262119 EHC262118:EHC262119 DXG262118:DXG262119 DNK262118:DNK262119 DDO262118:DDO262119 CTS262118:CTS262119 CJW262118:CJW262119 CAA262118:CAA262119 BQE262118:BQE262119 BGI262118:BGI262119 AWM262118:AWM262119 AMQ262118:AMQ262119 ACU262118:ACU262119 SY262118:SY262119 JC262118:JC262119 G262118:G262119 WVO196582:WVO196583 WLS196582:WLS196583 WBW196582:WBW196583 VSA196582:VSA196583 VIE196582:VIE196583 UYI196582:UYI196583 UOM196582:UOM196583 UEQ196582:UEQ196583 TUU196582:TUU196583 TKY196582:TKY196583 TBC196582:TBC196583 SRG196582:SRG196583 SHK196582:SHK196583 RXO196582:RXO196583 RNS196582:RNS196583 RDW196582:RDW196583 QUA196582:QUA196583 QKE196582:QKE196583 QAI196582:QAI196583 PQM196582:PQM196583 PGQ196582:PGQ196583 OWU196582:OWU196583 OMY196582:OMY196583 ODC196582:ODC196583 NTG196582:NTG196583 NJK196582:NJK196583 MZO196582:MZO196583 MPS196582:MPS196583 MFW196582:MFW196583 LWA196582:LWA196583 LME196582:LME196583 LCI196582:LCI196583 KSM196582:KSM196583 KIQ196582:KIQ196583 JYU196582:JYU196583 JOY196582:JOY196583 JFC196582:JFC196583 IVG196582:IVG196583 ILK196582:ILK196583 IBO196582:IBO196583 HRS196582:HRS196583 HHW196582:HHW196583 GYA196582:GYA196583 GOE196582:GOE196583 GEI196582:GEI196583 FUM196582:FUM196583 FKQ196582:FKQ196583 FAU196582:FAU196583 EQY196582:EQY196583 EHC196582:EHC196583 DXG196582:DXG196583 DNK196582:DNK196583 DDO196582:DDO196583 CTS196582:CTS196583 CJW196582:CJW196583 CAA196582:CAA196583 BQE196582:BQE196583 BGI196582:BGI196583 AWM196582:AWM196583 AMQ196582:AMQ196583 ACU196582:ACU196583 SY196582:SY196583 JC196582:JC196583 G196582:G196583 WVO131046:WVO131047 WLS131046:WLS131047 WBW131046:WBW131047 VSA131046:VSA131047 VIE131046:VIE131047 UYI131046:UYI131047 UOM131046:UOM131047 UEQ131046:UEQ131047 TUU131046:TUU131047 TKY131046:TKY131047 TBC131046:TBC131047 SRG131046:SRG131047 SHK131046:SHK131047 RXO131046:RXO131047 RNS131046:RNS131047 RDW131046:RDW131047 QUA131046:QUA131047 QKE131046:QKE131047 QAI131046:QAI131047 PQM131046:PQM131047 PGQ131046:PGQ131047 OWU131046:OWU131047 OMY131046:OMY131047 ODC131046:ODC131047 NTG131046:NTG131047 NJK131046:NJK131047 MZO131046:MZO131047 MPS131046:MPS131047 MFW131046:MFW131047 LWA131046:LWA131047 LME131046:LME131047 LCI131046:LCI131047 KSM131046:KSM131047 KIQ131046:KIQ131047 JYU131046:JYU131047 JOY131046:JOY131047 JFC131046:JFC131047 IVG131046:IVG131047 ILK131046:ILK131047 IBO131046:IBO131047 HRS131046:HRS131047 HHW131046:HHW131047 GYA131046:GYA131047 GOE131046:GOE131047 GEI131046:GEI131047 FUM131046:FUM131047 FKQ131046:FKQ131047 FAU131046:FAU131047 EQY131046:EQY131047 EHC131046:EHC131047 DXG131046:DXG131047 DNK131046:DNK131047 DDO131046:DDO131047 CTS131046:CTS131047 CJW131046:CJW131047 CAA131046:CAA131047 BQE131046:BQE131047 BGI131046:BGI131047 AWM131046:AWM131047 AMQ131046:AMQ131047 ACU131046:ACU131047 SY131046:SY131047 JC131046:JC131047 G131046:G131047 WVO65510:WVO65511 WLS65510:WLS65511 WBW65510:WBW65511 VSA65510:VSA65511 VIE65510:VIE65511 UYI65510:UYI65511 UOM65510:UOM65511 UEQ65510:UEQ65511 TUU65510:TUU65511 TKY65510:TKY65511 TBC65510:TBC65511 SRG65510:SRG65511 SHK65510:SHK65511 RXO65510:RXO65511 RNS65510:RNS65511 RDW65510:RDW65511 QUA65510:QUA65511 QKE65510:QKE65511 QAI65510:QAI65511 PQM65510:PQM65511 PGQ65510:PGQ65511 OWU65510:OWU65511 OMY65510:OMY65511 ODC65510:ODC65511 NTG65510:NTG65511 NJK65510:NJK65511 MZO65510:MZO65511 MPS65510:MPS65511 MFW65510:MFW65511 LWA65510:LWA65511 LME65510:LME65511 LCI65510:LCI65511 KSM65510:KSM65511 KIQ65510:KIQ65511 JYU65510:JYU65511 JOY65510:JOY65511 JFC65510:JFC65511 IVG65510:IVG65511 ILK65510:ILK65511 IBO65510:IBO65511 HRS65510:HRS65511 HHW65510:HHW65511 GYA65510:GYA65511 GOE65510:GOE65511 GEI65510:GEI65511 FUM65510:FUM65511 FKQ65510:FKQ65511 FAU65510:FAU65511 EQY65510:EQY65511 EHC65510:EHC65511 DXG65510:DXG65511 DNK65510:DNK65511 DDO65510:DDO65511 CTS65510:CTS65511 CJW65510:CJW65511 CAA65510:CAA65511 BQE65510:BQE65511 BGI65510:BGI65511 AWM65510:AWM65511 AMQ65510:AMQ65511 ACU65510:ACU65511 SY65510:SY65511 G8:G21 WVO8:WVO15 WLS8:WLS15 WBW8:WBW15 VSA8:VSA15 VIE8:VIE15 UYI8:UYI15 UOM8:UOM15 UEQ8:UEQ15 TUU8:TUU15 TKY8:TKY15 TBC8:TBC15 SRG8:SRG15 SHK8:SHK15 RXO8:RXO15 RNS8:RNS15 RDW8:RDW15 QUA8:QUA15 QKE8:QKE15 QAI8:QAI15 PQM8:PQM15 PGQ8:PGQ15 OWU8:OWU15 OMY8:OMY15 ODC8:ODC15 NTG8:NTG15 NJK8:NJK15 MZO8:MZO15 MPS8:MPS15 MFW8:MFW15 LWA8:LWA15 LME8:LME15 LCI8:LCI15 KSM8:KSM15 KIQ8:KIQ15 JYU8:JYU15 JOY8:JOY15 JFC8:JFC15 IVG8:IVG15 ILK8:ILK15 IBO8:IBO15 HRS8:HRS15 HHW8:HHW15 GYA8:GYA15 GOE8:GOE15 GEI8:GEI15 FUM8:FUM15 FKQ8:FKQ15 FAU8:FAU15 EQY8:EQY15 EHC8:EHC15 DXG8:DXG15 DNK8:DNK15 DDO8:DDO15 CTS8:CTS15 CJW8:CJW15 CAA8:CAA15 BQE8:BQE15 BGI8:BGI15 AWM8:AWM15 AMQ8:AMQ15 ACU8:ACU15 SY8:SY15 JC8:JC15 JC18:JC21 SY18:SY21 ACU18:ACU21 AMQ18:AMQ21 AWM18:AWM21 BGI18:BGI21 BQE18:BQE21 CAA18:CAA21 CJW18:CJW21 CTS18:CTS21 DDO18:DDO21 DNK18:DNK21 DXG18:DXG21 EHC18:EHC21 EQY18:EQY21 FAU18:FAU21 FKQ18:FKQ21 FUM18:FUM21 GEI18:GEI21 GOE18:GOE21 GYA18:GYA21 HHW18:HHW21 HRS18:HRS21 IBO18:IBO21 ILK18:ILK21 IVG18:IVG21 JFC18:JFC21 JOY18:JOY21 JYU18:JYU21 KIQ18:KIQ21 KSM18:KSM21 LCI18:LCI21 LME18:LME21 LWA18:LWA21 MFW18:MFW21 MPS18:MPS21 MZO18:MZO21 NJK18:NJK21 NTG18:NTG21 ODC18:ODC21 OMY18:OMY21 OWU18:OWU21 PGQ18:PGQ21 PQM18:PQM21 QAI18:QAI21 QKE18:QKE21 QUA18:QUA21 RDW18:RDW21 RNS18:RNS21 RXO18:RXO21 SHK18:SHK21 SRG18:SRG21 TBC18:TBC21 TKY18:TKY21 TUU18:TUU21 UEQ18:UEQ21 UOM18:UOM21 UYI18:UYI21 VIE18:VIE21 VSA18:VSA21 WBW18:WBW21 WLS18:WLS21 WVO18:WVO21">
      <formula1>"　　,区ＣＭ"</formula1>
    </dataValidation>
  </dataValidations>
  <hyperlinks>
    <hyperlink ref="A8:A9" r:id="rId1" display="運営費"/>
    <hyperlink ref="A10:A11" r:id="rId2" display="施設整備費"/>
    <hyperlink ref="A16:A17" r:id="rId3" display="食肉市場整備事業費元利償還金"/>
    <hyperlink ref="A18:A19" r:id="rId4" display="一般会計繰出金"/>
    <hyperlink ref="A20:A21" r:id="rId5" display="予備費"/>
  </hyperlinks>
  <pageMargins left="0.48" right="0.41" top="0.78740157480314965" bottom="0.59055118110236227" header="0.31496062992125984" footer="0.31496062992125984"/>
  <pageSetup paperSize="9" scale="72" orientation="portrait" cellComments="asDisplayed" r:id="rId6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5</vt:lpstr>
      <vt:lpstr>様式5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EST</dc:creator>
  <cp:lastModifiedBy>TEST</cp:lastModifiedBy>
  <cp:lastPrinted>2017-12-15T13:02:59Z</cp:lastPrinted>
  <dcterms:created xsi:type="dcterms:W3CDTF">2017-12-15T12:56:48Z</dcterms:created>
  <dcterms:modified xsi:type="dcterms:W3CDTF">2017-12-18T02:43:36Z</dcterms:modified>
</cp:coreProperties>
</file>